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常矢橋" sheetId="9" r:id="rId1"/>
    <sheet name="鶴間橋" sheetId="10" r:id="rId2"/>
    <sheet name="新道大橋" sheetId="11" r:id="rId3"/>
    <sheet name="高鎌橋" sheetId="12" r:id="rId4"/>
    <sheet name="大道橋" sheetId="13" r:id="rId5"/>
    <sheet name="境川橋" sheetId="14" r:id="rId6"/>
    <sheet name="吉倉橋" sheetId="15" r:id="rId7"/>
    <sheet name="鷹匠橋" sheetId="16" r:id="rId8"/>
    <sheet name="川名橋" sheetId="1" r:id="rId9"/>
    <sheet name="いたち川橋" sheetId="2" r:id="rId10"/>
    <sheet name="福田橋" sheetId="3" r:id="rId11"/>
    <sheet name="下土棚大橋" sheetId="4" r:id="rId12"/>
    <sheet name="石川橋" sheetId="5" r:id="rId13"/>
    <sheet name="富士見橋" sheetId="6" r:id="rId14"/>
  </sheets>
  <calcPr calcId="0"/>
</workbook>
</file>

<file path=xl/sharedStrings.xml><?xml version="1.0" encoding="utf-8"?>
<sst xmlns="http://schemas.openxmlformats.org/spreadsheetml/2006/main" count="14238" uniqueCount="975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晴れ</t>
  </si>
  <si>
    <t>降雨なし</t>
  </si>
  <si>
    <t>19.5</t>
  </si>
  <si>
    <t>14.5</t>
  </si>
  <si>
    <t>0.02</t>
  </si>
  <si>
    <t>0.06</t>
  </si>
  <si>
    <t>0.34</t>
  </si>
  <si>
    <t>&gt;100</t>
  </si>
  <si>
    <t>通常の状況</t>
  </si>
  <si>
    <t>黄緑色・淡（明）</t>
  </si>
  <si>
    <t>無臭</t>
  </si>
  <si>
    <t>8.6</t>
  </si>
  <si>
    <t>1.5</t>
  </si>
  <si>
    <t>3.3</t>
  </si>
  <si>
    <t>2</t>
  </si>
  <si>
    <t>17.0</t>
  </si>
  <si>
    <t>18.0</t>
  </si>
  <si>
    <t>0.08</t>
  </si>
  <si>
    <t>0.12</t>
  </si>
  <si>
    <t>0.03</t>
  </si>
  <si>
    <t>0.16</t>
  </si>
  <si>
    <t>9.3</t>
  </si>
  <si>
    <t>2.3</t>
  </si>
  <si>
    <t>4.8</t>
  </si>
  <si>
    <t>2018/05/25</t>
  </si>
  <si>
    <t>25.5</t>
  </si>
  <si>
    <t>21.5</t>
  </si>
  <si>
    <t>0.01</t>
  </si>
  <si>
    <t>0.15</t>
  </si>
  <si>
    <t>0.75</t>
  </si>
  <si>
    <t>無色</t>
  </si>
  <si>
    <t>8.9</t>
  </si>
  <si>
    <t>3.5</t>
  </si>
  <si>
    <t>1</t>
  </si>
  <si>
    <t>20.7</t>
  </si>
  <si>
    <t>23.4</t>
  </si>
  <si>
    <t>0.07</t>
  </si>
  <si>
    <t>0.04</t>
  </si>
  <si>
    <t>0.24</t>
  </si>
  <si>
    <t>1.0</t>
  </si>
  <si>
    <t>4.7</t>
  </si>
  <si>
    <t>3</t>
  </si>
  <si>
    <t>2018/06/13</t>
  </si>
  <si>
    <t>25.0</t>
  </si>
  <si>
    <t>21.4</t>
  </si>
  <si>
    <t>0.09</t>
  </si>
  <si>
    <t>0.21</t>
  </si>
  <si>
    <t>0.30</t>
  </si>
  <si>
    <t>8.3</t>
  </si>
  <si>
    <t>3.9</t>
  </si>
  <si>
    <t>21.6</t>
  </si>
  <si>
    <t>0.18</t>
  </si>
  <si>
    <t>0.05</t>
  </si>
  <si>
    <t>0.29</t>
  </si>
  <si>
    <t>8.0</t>
  </si>
  <si>
    <t>2.1</t>
  </si>
  <si>
    <t>3.8</t>
  </si>
  <si>
    <t>2018/07/04</t>
  </si>
  <si>
    <t>曇り</t>
  </si>
  <si>
    <t>26.8</t>
  </si>
  <si>
    <t>26.9</t>
  </si>
  <si>
    <t>0.25</t>
  </si>
  <si>
    <t>8.7</t>
  </si>
  <si>
    <t>1.4</t>
  </si>
  <si>
    <t>4.6</t>
  </si>
  <si>
    <t>24.0</t>
  </si>
  <si>
    <t>25.6</t>
  </si>
  <si>
    <t>0.22</t>
  </si>
  <si>
    <t>90</t>
  </si>
  <si>
    <t>9.5</t>
  </si>
  <si>
    <t>2018/08/01</t>
  </si>
  <si>
    <t>35.8</t>
  </si>
  <si>
    <t>29.2</t>
  </si>
  <si>
    <t>0.28</t>
  </si>
  <si>
    <t>0.7</t>
  </si>
  <si>
    <t>30.2</t>
  </si>
  <si>
    <t>29.7</t>
  </si>
  <si>
    <t>0.9</t>
  </si>
  <si>
    <t>2018/09/19</t>
  </si>
  <si>
    <t>22.0</t>
  </si>
  <si>
    <t>23.5</t>
  </si>
  <si>
    <t>0.6</t>
  </si>
  <si>
    <t>2.6</t>
  </si>
  <si>
    <t>21.1</t>
  </si>
  <si>
    <t>23.9</t>
  </si>
  <si>
    <t>2018/10/25</t>
  </si>
  <si>
    <t>21.9</t>
  </si>
  <si>
    <t>17.5</t>
  </si>
  <si>
    <t>2.2</t>
  </si>
  <si>
    <t>&lt;1</t>
  </si>
  <si>
    <t>14.0</t>
  </si>
  <si>
    <t>18.4</t>
  </si>
  <si>
    <t>0.11</t>
  </si>
  <si>
    <t>9.2</t>
  </si>
  <si>
    <t>1.7</t>
  </si>
  <si>
    <t>3.7</t>
  </si>
  <si>
    <t>2018/11/19</t>
  </si>
  <si>
    <t>14.6</t>
  </si>
  <si>
    <t>15.5</t>
  </si>
  <si>
    <t>0.19</t>
  </si>
  <si>
    <t>70</t>
  </si>
  <si>
    <t>8.5</t>
  </si>
  <si>
    <t>6</t>
  </si>
  <si>
    <t>12.5</t>
  </si>
  <si>
    <t>14.3</t>
  </si>
  <si>
    <t>0.23</t>
  </si>
  <si>
    <t>64</t>
  </si>
  <si>
    <t>9.0</t>
  </si>
  <si>
    <t>4.4</t>
  </si>
  <si>
    <t>9</t>
  </si>
  <si>
    <t>2018/12/05</t>
  </si>
  <si>
    <t>17.4</t>
  </si>
  <si>
    <t>0.20</t>
  </si>
  <si>
    <t>8.4</t>
  </si>
  <si>
    <t>5.1</t>
  </si>
  <si>
    <t>12.8</t>
  </si>
  <si>
    <t>8.8</t>
  </si>
  <si>
    <t>2019/01/09</t>
  </si>
  <si>
    <t>7.5</t>
  </si>
  <si>
    <t>2.0</t>
  </si>
  <si>
    <t>5.9</t>
  </si>
  <si>
    <t>-0.5</t>
  </si>
  <si>
    <t>3.1</t>
  </si>
  <si>
    <t>0.14</t>
  </si>
  <si>
    <t>1.2</t>
  </si>
  <si>
    <t>2019/02/21</t>
  </si>
  <si>
    <t>11.5</t>
  </si>
  <si>
    <t>67</t>
  </si>
  <si>
    <t>76</t>
  </si>
  <si>
    <t>3.0</t>
  </si>
  <si>
    <t>6.4</t>
  </si>
  <si>
    <t>2019/03/06</t>
  </si>
  <si>
    <t>11.1</t>
  </si>
  <si>
    <t>0.13</t>
  </si>
  <si>
    <t>8.2</t>
  </si>
  <si>
    <t>1.1</t>
  </si>
  <si>
    <t>3.4</t>
  </si>
  <si>
    <t>雨</t>
  </si>
  <si>
    <t>10.2</t>
  </si>
  <si>
    <t>13.0</t>
  </si>
  <si>
    <t>18.5</t>
  </si>
  <si>
    <t>16.4</t>
  </si>
  <si>
    <t>0.48</t>
  </si>
  <si>
    <t>0.62</t>
  </si>
  <si>
    <t>7.8</t>
  </si>
  <si>
    <t>1.3</t>
  </si>
  <si>
    <t>2.8</t>
  </si>
  <si>
    <t>5</t>
  </si>
  <si>
    <t>16.5</t>
  </si>
  <si>
    <t>16.0</t>
  </si>
  <si>
    <t>0.51</t>
  </si>
  <si>
    <t>0.63</t>
  </si>
  <si>
    <t>7.7</t>
  </si>
  <si>
    <t>1.6</t>
  </si>
  <si>
    <t>2.9</t>
  </si>
  <si>
    <t>7</t>
  </si>
  <si>
    <t>18.8</t>
  </si>
  <si>
    <t>0.47</t>
  </si>
  <si>
    <t>0.58</t>
  </si>
  <si>
    <t>7.6</t>
  </si>
  <si>
    <t>2018/04/12</t>
  </si>
  <si>
    <t>15.0</t>
  </si>
  <si>
    <t>0.46</t>
  </si>
  <si>
    <t>0.60</t>
  </si>
  <si>
    <t>7.4</t>
  </si>
  <si>
    <t>1.9</t>
  </si>
  <si>
    <t>2018/05/16</t>
  </si>
  <si>
    <t>24.5</t>
  </si>
  <si>
    <t>0.87</t>
  </si>
  <si>
    <t>1.8</t>
  </si>
  <si>
    <t>0.85</t>
  </si>
  <si>
    <t>0.3</t>
  </si>
  <si>
    <t>0.82</t>
  </si>
  <si>
    <t>0.55</t>
  </si>
  <si>
    <t>2018/05/17</t>
  </si>
  <si>
    <t>21.0</t>
  </si>
  <si>
    <t>19.0</t>
  </si>
  <si>
    <t>0.77</t>
  </si>
  <si>
    <t>0.59</t>
  </si>
  <si>
    <t>2018/06/08</t>
  </si>
  <si>
    <t>0.10</t>
  </si>
  <si>
    <t>0.42</t>
  </si>
  <si>
    <t>0.57</t>
  </si>
  <si>
    <t>7.9</t>
  </si>
  <si>
    <t>26.0</t>
  </si>
  <si>
    <t>22.8</t>
  </si>
  <si>
    <t>2018/06/09</t>
  </si>
  <si>
    <t>22.2</t>
  </si>
  <si>
    <t>0.79</t>
  </si>
  <si>
    <t>4.0</t>
  </si>
  <si>
    <t>29.1</t>
  </si>
  <si>
    <t>24.8</t>
  </si>
  <si>
    <t>0.53</t>
  </si>
  <si>
    <t>3.2</t>
  </si>
  <si>
    <t>30.8</t>
  </si>
  <si>
    <t>27.0</t>
  </si>
  <si>
    <t>0.45</t>
  </si>
  <si>
    <t>0.33</t>
  </si>
  <si>
    <t>0.50</t>
  </si>
  <si>
    <t>2.4</t>
  </si>
  <si>
    <t>2018/07/05</t>
  </si>
  <si>
    <t>0.17</t>
  </si>
  <si>
    <t>35.0</t>
  </si>
  <si>
    <t>28.0</t>
  </si>
  <si>
    <t>0.5</t>
  </si>
  <si>
    <t>32.0</t>
  </si>
  <si>
    <t>30.5</t>
  </si>
  <si>
    <t>0.49</t>
  </si>
  <si>
    <t>28.3</t>
  </si>
  <si>
    <t>27.2</t>
  </si>
  <si>
    <t>0.54</t>
  </si>
  <si>
    <t>2018/08/02</t>
  </si>
  <si>
    <t>26.4</t>
  </si>
  <si>
    <t>26.3</t>
  </si>
  <si>
    <t>2018/09/12</t>
  </si>
  <si>
    <t>24.2</t>
  </si>
  <si>
    <t>0.43</t>
  </si>
  <si>
    <t>0.83</t>
  </si>
  <si>
    <t>0.8</t>
  </si>
  <si>
    <t>23.0</t>
  </si>
  <si>
    <t>0.41</t>
  </si>
  <si>
    <t>0.80</t>
  </si>
  <si>
    <t>20.0</t>
  </si>
  <si>
    <t>20.5</t>
  </si>
  <si>
    <t>0.78</t>
  </si>
  <si>
    <t>2018/09/13</t>
  </si>
  <si>
    <t>17.9</t>
  </si>
  <si>
    <t>0.39</t>
  </si>
  <si>
    <t>0.4</t>
  </si>
  <si>
    <t>2018/10/03</t>
  </si>
  <si>
    <t>19.1</t>
  </si>
  <si>
    <t>0.35</t>
  </si>
  <si>
    <t>2.43</t>
  </si>
  <si>
    <t>22.9</t>
  </si>
  <si>
    <t>19.8</t>
  </si>
  <si>
    <t>2.62</t>
  </si>
  <si>
    <t>19.6</t>
  </si>
  <si>
    <t>2.50</t>
  </si>
  <si>
    <t>0.44</t>
  </si>
  <si>
    <t>2018/10/04</t>
  </si>
  <si>
    <t>2.19</t>
  </si>
  <si>
    <t>2018/11/07</t>
  </si>
  <si>
    <t>17.8</t>
  </si>
  <si>
    <t>13.8</t>
  </si>
  <si>
    <t>16.7</t>
  </si>
  <si>
    <t>2018/11/08</t>
  </si>
  <si>
    <t>12.0</t>
  </si>
  <si>
    <t>15.6</t>
  </si>
  <si>
    <t>16.2</t>
  </si>
  <si>
    <t>0.31</t>
  </si>
  <si>
    <t>51</t>
  </si>
  <si>
    <t>黄色・淡（明）</t>
  </si>
  <si>
    <t>5.2</t>
  </si>
  <si>
    <t>0.38</t>
  </si>
  <si>
    <t>95</t>
  </si>
  <si>
    <t>3.6</t>
  </si>
  <si>
    <t>14.8</t>
  </si>
  <si>
    <t>2018/12/06</t>
  </si>
  <si>
    <t>11.2</t>
  </si>
  <si>
    <t>4</t>
  </si>
  <si>
    <t>5.8</t>
  </si>
  <si>
    <t>7.0</t>
  </si>
  <si>
    <t>0.26</t>
  </si>
  <si>
    <t>85</t>
  </si>
  <si>
    <t>10.0</t>
  </si>
  <si>
    <t>0.0</t>
  </si>
  <si>
    <t>2019/01/10</t>
  </si>
  <si>
    <t>-1.9</t>
  </si>
  <si>
    <t>2019/02/13</t>
  </si>
  <si>
    <t>7.3</t>
  </si>
  <si>
    <t>5.5</t>
  </si>
  <si>
    <t>2019/02/14</t>
  </si>
  <si>
    <t>10.4</t>
  </si>
  <si>
    <t>下水臭（微）</t>
  </si>
  <si>
    <t>14.7</t>
  </si>
  <si>
    <t>0.27</t>
  </si>
  <si>
    <t>2.7</t>
  </si>
  <si>
    <t>10.7</t>
  </si>
  <si>
    <t>13.5</t>
  </si>
  <si>
    <t>2019/03/07</t>
  </si>
  <si>
    <t>11.8</t>
  </si>
  <si>
    <t>2.59</t>
  </si>
  <si>
    <t>0.32</t>
  </si>
  <si>
    <t>29</t>
  </si>
  <si>
    <t>流量大（大雨、雪どけのため）</t>
  </si>
  <si>
    <t>灰茶色・淡（明）</t>
  </si>
  <si>
    <t>6.0</t>
  </si>
  <si>
    <t>6.3</t>
  </si>
  <si>
    <t>15.9</t>
  </si>
  <si>
    <t>0.72</t>
  </si>
  <si>
    <t>2.58</t>
  </si>
  <si>
    <t>87</t>
  </si>
  <si>
    <t>18.2</t>
  </si>
  <si>
    <t>18.3</t>
  </si>
  <si>
    <t>0.68</t>
  </si>
  <si>
    <t>2.18</t>
  </si>
  <si>
    <t>6.8</t>
  </si>
  <si>
    <t>16.1</t>
  </si>
  <si>
    <t>18.6</t>
  </si>
  <si>
    <t>0.71</t>
  </si>
  <si>
    <t>2.44</t>
  </si>
  <si>
    <t>2.5</t>
  </si>
  <si>
    <t>13.1</t>
  </si>
  <si>
    <t>2.26</t>
  </si>
  <si>
    <t>0.36</t>
  </si>
  <si>
    <t>92</t>
  </si>
  <si>
    <t>2.79</t>
  </si>
  <si>
    <t>0.40</t>
  </si>
  <si>
    <t>96</t>
  </si>
  <si>
    <t>23.8</t>
  </si>
  <si>
    <t>2.81</t>
  </si>
  <si>
    <t>4.9</t>
  </si>
  <si>
    <t>0.65</t>
  </si>
  <si>
    <t>2.98</t>
  </si>
  <si>
    <t>5.7</t>
  </si>
  <si>
    <t>0.56</t>
  </si>
  <si>
    <t>2.30</t>
  </si>
  <si>
    <t>26.6</t>
  </si>
  <si>
    <t>0.37</t>
  </si>
  <si>
    <t>1.99</t>
  </si>
  <si>
    <t>5.4</t>
  </si>
  <si>
    <t>6.2</t>
  </si>
  <si>
    <t>24.1</t>
  </si>
  <si>
    <t>2.55</t>
  </si>
  <si>
    <t>23.1</t>
  </si>
  <si>
    <t>0.61</t>
  </si>
  <si>
    <t>29.0</t>
  </si>
  <si>
    <t>25.9</t>
  </si>
  <si>
    <t>0.52</t>
  </si>
  <si>
    <t>2.20</t>
  </si>
  <si>
    <t>27.8</t>
  </si>
  <si>
    <t>2.13</t>
  </si>
  <si>
    <t>2.37</t>
  </si>
  <si>
    <t>78</t>
  </si>
  <si>
    <t>6.6</t>
  </si>
  <si>
    <t>23.7</t>
  </si>
  <si>
    <t>1.87</t>
  </si>
  <si>
    <t>34.0</t>
  </si>
  <si>
    <t>29.5</t>
  </si>
  <si>
    <t>2.66</t>
  </si>
  <si>
    <t>33.3</t>
  </si>
  <si>
    <t>30.3</t>
  </si>
  <si>
    <t>2.67</t>
  </si>
  <si>
    <t>27.9</t>
  </si>
  <si>
    <t>27.1</t>
  </si>
  <si>
    <t>2.38</t>
  </si>
  <si>
    <t>5.3</t>
  </si>
  <si>
    <t>2.36</t>
  </si>
  <si>
    <t>22.5</t>
  </si>
  <si>
    <t>5.6</t>
  </si>
  <si>
    <t>2.41</t>
  </si>
  <si>
    <t>6.7</t>
  </si>
  <si>
    <t>4.51</t>
  </si>
  <si>
    <t>20.1</t>
  </si>
  <si>
    <t>4.78</t>
  </si>
  <si>
    <t>19.4</t>
  </si>
  <si>
    <t>20.6</t>
  </si>
  <si>
    <t>0.74</t>
  </si>
  <si>
    <t>4.50</t>
  </si>
  <si>
    <t>20.3</t>
  </si>
  <si>
    <t>0.69</t>
  </si>
  <si>
    <t>4.15</t>
  </si>
  <si>
    <t>21.3</t>
  </si>
  <si>
    <t>20.8</t>
  </si>
  <si>
    <t>1.97</t>
  </si>
  <si>
    <t>19.2</t>
  </si>
  <si>
    <t>2.12</t>
  </si>
  <si>
    <t>7.2</t>
  </si>
  <si>
    <t>12.1</t>
  </si>
  <si>
    <t>1.81</t>
  </si>
  <si>
    <t>1.59</t>
  </si>
  <si>
    <t>75</t>
  </si>
  <si>
    <t>9.1</t>
  </si>
  <si>
    <t>17.7</t>
  </si>
  <si>
    <t>21.2</t>
  </si>
  <si>
    <t>1.52</t>
  </si>
  <si>
    <t>1.54</t>
  </si>
  <si>
    <t>12.2</t>
  </si>
  <si>
    <t>1.26</t>
  </si>
  <si>
    <t>1.88</t>
  </si>
  <si>
    <t>灰黄色・淡（明）</t>
  </si>
  <si>
    <t>7.1</t>
  </si>
  <si>
    <t>10</t>
  </si>
  <si>
    <t>2.07</t>
  </si>
  <si>
    <t>8.1</t>
  </si>
  <si>
    <t>-1.4</t>
  </si>
  <si>
    <t>1.86</t>
  </si>
  <si>
    <t>47</t>
  </si>
  <si>
    <t>6.9</t>
  </si>
  <si>
    <t>-3.1</t>
  </si>
  <si>
    <t>1.69</t>
  </si>
  <si>
    <t>39</t>
  </si>
  <si>
    <t>1.29</t>
  </si>
  <si>
    <t>1.28</t>
  </si>
  <si>
    <t>86</t>
  </si>
  <si>
    <t>1.37</t>
  </si>
  <si>
    <t>14.2</t>
  </si>
  <si>
    <t>1.20</t>
  </si>
  <si>
    <t>65</t>
  </si>
  <si>
    <t>1.63</t>
  </si>
  <si>
    <t>1.50</t>
  </si>
  <si>
    <t>84</t>
  </si>
  <si>
    <t>10.5</t>
  </si>
  <si>
    <t>1.83</t>
  </si>
  <si>
    <t>52</t>
  </si>
  <si>
    <t>15.8</t>
  </si>
  <si>
    <t>4.04</t>
  </si>
  <si>
    <t>11</t>
  </si>
  <si>
    <t>9.6</t>
  </si>
  <si>
    <t>16</t>
  </si>
  <si>
    <t>1.71</t>
  </si>
  <si>
    <t>0.1</t>
  </si>
  <si>
    <t>川藻臭（微）</t>
  </si>
  <si>
    <t>1.92</t>
  </si>
  <si>
    <t>0.73</t>
  </si>
  <si>
    <t>21.8</t>
  </si>
  <si>
    <t>2.54</t>
  </si>
  <si>
    <t>4.2</t>
  </si>
  <si>
    <t>4.1</t>
  </si>
  <si>
    <t>2.28</t>
  </si>
  <si>
    <t>3.12</t>
  </si>
  <si>
    <t>3.11</t>
  </si>
  <si>
    <t>25.8</t>
  </si>
  <si>
    <t>2.35</t>
  </si>
  <si>
    <t>3.23</t>
  </si>
  <si>
    <t>6.5</t>
  </si>
  <si>
    <t>25.2</t>
  </si>
  <si>
    <t>2.32</t>
  </si>
  <si>
    <t>3.22</t>
  </si>
  <si>
    <t>4.3</t>
  </si>
  <si>
    <t>31.0</t>
  </si>
  <si>
    <t>26.7</t>
  </si>
  <si>
    <t>3.25</t>
  </si>
  <si>
    <t>3.27</t>
  </si>
  <si>
    <t>1.84</t>
  </si>
  <si>
    <t>3.17</t>
  </si>
  <si>
    <t>2.46</t>
  </si>
  <si>
    <t>3.18</t>
  </si>
  <si>
    <t>6.1</t>
  </si>
  <si>
    <t>2018/10/10</t>
  </si>
  <si>
    <t>2.96</t>
  </si>
  <si>
    <t>0.66</t>
  </si>
  <si>
    <t>23.2</t>
  </si>
  <si>
    <t>2.90</t>
  </si>
  <si>
    <t>16.3</t>
  </si>
  <si>
    <t>1.91</t>
  </si>
  <si>
    <t>1.93</t>
  </si>
  <si>
    <t>10mm以上20mm未満</t>
  </si>
  <si>
    <t>18.7</t>
  </si>
  <si>
    <t>1.60</t>
  </si>
  <si>
    <t>80</t>
  </si>
  <si>
    <t>灰黄緑色・淡（明）</t>
  </si>
  <si>
    <t>1.62</t>
  </si>
  <si>
    <t>11.4</t>
  </si>
  <si>
    <t>12.4</t>
  </si>
  <si>
    <t>1.53</t>
  </si>
  <si>
    <t>1.13</t>
  </si>
  <si>
    <t>98</t>
  </si>
  <si>
    <t>1.35</t>
  </si>
  <si>
    <t>1.41</t>
  </si>
  <si>
    <t>1.61</t>
  </si>
  <si>
    <t>4.96</t>
  </si>
  <si>
    <t>5.86</t>
  </si>
  <si>
    <t>5.92</t>
  </si>
  <si>
    <t>3.88</t>
  </si>
  <si>
    <t>0.70</t>
  </si>
  <si>
    <t>5.72</t>
  </si>
  <si>
    <t>4.47</t>
  </si>
  <si>
    <t>0.64</t>
  </si>
  <si>
    <t>7.99</t>
  </si>
  <si>
    <t>4.73</t>
  </si>
  <si>
    <t>0.88</t>
  </si>
  <si>
    <t>26.2</t>
  </si>
  <si>
    <t>4.14</t>
  </si>
  <si>
    <t>7.64</t>
  </si>
  <si>
    <t>4.74</t>
  </si>
  <si>
    <t>2018/06/14</t>
  </si>
  <si>
    <t>4.26</t>
  </si>
  <si>
    <t>30.0</t>
  </si>
  <si>
    <t>3.97</t>
  </si>
  <si>
    <t>27.5</t>
  </si>
  <si>
    <t>3.02</t>
  </si>
  <si>
    <t>4.22</t>
  </si>
  <si>
    <t>4.38</t>
  </si>
  <si>
    <t>4.07</t>
  </si>
  <si>
    <t>31.5</t>
  </si>
  <si>
    <t>2.69</t>
  </si>
  <si>
    <t>28.5</t>
  </si>
  <si>
    <t>3.54</t>
  </si>
  <si>
    <t>3.42</t>
  </si>
  <si>
    <t>2.92</t>
  </si>
  <si>
    <t>5.11</t>
  </si>
  <si>
    <t>4.23</t>
  </si>
  <si>
    <t>0.76</t>
  </si>
  <si>
    <t>7.07</t>
  </si>
  <si>
    <t>7.11</t>
  </si>
  <si>
    <t>5.87</t>
  </si>
  <si>
    <t>4.99</t>
  </si>
  <si>
    <t>4.76</t>
  </si>
  <si>
    <t>3.38</t>
  </si>
  <si>
    <t>0.84</t>
  </si>
  <si>
    <t>3.95</t>
  </si>
  <si>
    <t>4.5</t>
  </si>
  <si>
    <t>3.46</t>
  </si>
  <si>
    <t>3.24</t>
  </si>
  <si>
    <t>2.86</t>
  </si>
  <si>
    <t>0.2</t>
  </si>
  <si>
    <t>10.9</t>
  </si>
  <si>
    <t>2.17</t>
  </si>
  <si>
    <t>2.53</t>
  </si>
  <si>
    <t>3.78</t>
  </si>
  <si>
    <t>3.00</t>
  </si>
  <si>
    <t>12.7</t>
  </si>
  <si>
    <t>3.43</t>
  </si>
  <si>
    <t>0.92</t>
  </si>
  <si>
    <t>13.83</t>
  </si>
  <si>
    <t>3.49</t>
  </si>
  <si>
    <t>12.99</t>
  </si>
  <si>
    <t>4.66</t>
  </si>
  <si>
    <t>9.44</t>
  </si>
  <si>
    <t>1.34</t>
  </si>
  <si>
    <t>7.39</t>
  </si>
  <si>
    <t>12.75</t>
  </si>
  <si>
    <t>2.03</t>
  </si>
  <si>
    <t>11.07</t>
  </si>
  <si>
    <t>0.94</t>
  </si>
  <si>
    <t>5.23</t>
  </si>
  <si>
    <t>2.10</t>
  </si>
  <si>
    <t>26.67</t>
  </si>
  <si>
    <t>7.26</t>
  </si>
  <si>
    <t>2.65</t>
  </si>
  <si>
    <t>10.24</t>
  </si>
  <si>
    <t>26.5</t>
  </si>
  <si>
    <t>11.74</t>
  </si>
  <si>
    <t>2.08</t>
  </si>
  <si>
    <t>22.1</t>
  </si>
  <si>
    <t>15.29</t>
  </si>
  <si>
    <t>1.68</t>
  </si>
  <si>
    <t>14.89</t>
  </si>
  <si>
    <t>2.14</t>
  </si>
  <si>
    <t>11.71</t>
  </si>
  <si>
    <t>1.70</t>
  </si>
  <si>
    <t>4.29</t>
  </si>
  <si>
    <t>1.32</t>
  </si>
  <si>
    <t>8.10</t>
  </si>
  <si>
    <t>7.25</t>
  </si>
  <si>
    <t>34.3</t>
  </si>
  <si>
    <t>17.22</t>
  </si>
  <si>
    <t>1.75</t>
  </si>
  <si>
    <t>1.72</t>
  </si>
  <si>
    <t>13.86</t>
  </si>
  <si>
    <t>28.8</t>
  </si>
  <si>
    <t>7.19</t>
  </si>
  <si>
    <t>20.27</t>
  </si>
  <si>
    <t>24.6</t>
  </si>
  <si>
    <t>22.01</t>
  </si>
  <si>
    <t>1.85</t>
  </si>
  <si>
    <t>5.0</t>
  </si>
  <si>
    <t>1.95</t>
  </si>
  <si>
    <t>25.4</t>
  </si>
  <si>
    <t>1.65</t>
  </si>
  <si>
    <t>24.4</t>
  </si>
  <si>
    <t>11.09</t>
  </si>
  <si>
    <t>1.55</t>
  </si>
  <si>
    <t>21.7</t>
  </si>
  <si>
    <t>13.78</t>
  </si>
  <si>
    <t>1.80</t>
  </si>
  <si>
    <t>20.4</t>
  </si>
  <si>
    <t>15.69</t>
  </si>
  <si>
    <t>11.89</t>
  </si>
  <si>
    <t>1.33</t>
  </si>
  <si>
    <t>13.77</t>
  </si>
  <si>
    <t>2.15</t>
  </si>
  <si>
    <t>14.07</t>
  </si>
  <si>
    <t>1.16</t>
  </si>
  <si>
    <t>8.96</t>
  </si>
  <si>
    <t>1.58</t>
  </si>
  <si>
    <t>50</t>
  </si>
  <si>
    <t>7.</t>
  </si>
  <si>
    <t>12.82</t>
  </si>
  <si>
    <t>0.90</t>
  </si>
  <si>
    <t>10.56</t>
  </si>
  <si>
    <t>8.43</t>
  </si>
  <si>
    <t>6.14</t>
  </si>
  <si>
    <t>13.21</t>
  </si>
  <si>
    <t>1.27</t>
  </si>
  <si>
    <t>5.88</t>
  </si>
  <si>
    <t>5.33</t>
  </si>
  <si>
    <t>4.90</t>
  </si>
  <si>
    <t>1.00</t>
  </si>
  <si>
    <t>4.49</t>
  </si>
  <si>
    <t>1.08</t>
  </si>
  <si>
    <t>11.6</t>
  </si>
  <si>
    <t>7.61</t>
  </si>
  <si>
    <t>0.95</t>
  </si>
  <si>
    <t>1.07</t>
  </si>
  <si>
    <t>2.00</t>
  </si>
  <si>
    <t>7.31</t>
  </si>
  <si>
    <t>16.40</t>
  </si>
  <si>
    <t>1.30</t>
  </si>
  <si>
    <t>1.14</t>
  </si>
  <si>
    <t>0.93</t>
  </si>
  <si>
    <t>22.6</t>
  </si>
  <si>
    <t>24.7</t>
  </si>
  <si>
    <t>32.2</t>
  </si>
  <si>
    <t>77</t>
  </si>
  <si>
    <t>22.7</t>
  </si>
  <si>
    <t>15.4</t>
  </si>
  <si>
    <t>16.8</t>
  </si>
  <si>
    <t>28</t>
  </si>
  <si>
    <t>灰黄色・中</t>
  </si>
  <si>
    <t>13</t>
  </si>
  <si>
    <t>8</t>
  </si>
  <si>
    <t>11.3</t>
  </si>
  <si>
    <t>12.6</t>
  </si>
  <si>
    <t>0.67</t>
  </si>
  <si>
    <t>19.3</t>
  </si>
  <si>
    <t>2.89</t>
  </si>
  <si>
    <t>2.94</t>
  </si>
  <si>
    <t>4.60</t>
  </si>
  <si>
    <t>4.11</t>
  </si>
  <si>
    <t>3.98</t>
  </si>
  <si>
    <t>3.71</t>
  </si>
  <si>
    <t>2.97</t>
  </si>
  <si>
    <t>2.88</t>
  </si>
  <si>
    <t>2.82</t>
  </si>
  <si>
    <t>3.06</t>
  </si>
  <si>
    <t>3.01</t>
  </si>
  <si>
    <t>3.48</t>
  </si>
  <si>
    <t>3.04</t>
  </si>
  <si>
    <t>20.2</t>
  </si>
  <si>
    <t>3.15</t>
  </si>
  <si>
    <t>63</t>
  </si>
  <si>
    <t>2.74</t>
  </si>
  <si>
    <t>2.75</t>
  </si>
  <si>
    <t>13.2</t>
  </si>
  <si>
    <t>2.87</t>
  </si>
  <si>
    <t>3.33</t>
  </si>
  <si>
    <t>時々雨</t>
  </si>
  <si>
    <t>3.53</t>
  </si>
  <si>
    <t>1.10</t>
  </si>
  <si>
    <t>4.48</t>
  </si>
  <si>
    <t>8.49</t>
  </si>
  <si>
    <t>1.05</t>
  </si>
  <si>
    <t>2.77</t>
  </si>
  <si>
    <t>1.18</t>
  </si>
  <si>
    <t>4.12</t>
  </si>
  <si>
    <t>4.02</t>
  </si>
  <si>
    <t>5.50</t>
  </si>
  <si>
    <t>3.55</t>
  </si>
  <si>
    <t>3.90</t>
  </si>
  <si>
    <t>4.94</t>
  </si>
  <si>
    <t>32.5</t>
  </si>
  <si>
    <t>28.4</t>
  </si>
  <si>
    <t>5.61</t>
  </si>
  <si>
    <t>0.81</t>
  </si>
  <si>
    <t>28.2</t>
  </si>
  <si>
    <t>4.10</t>
  </si>
  <si>
    <t>4.86</t>
  </si>
  <si>
    <t>1.09</t>
  </si>
  <si>
    <t>4.68</t>
  </si>
  <si>
    <t>2.76</t>
  </si>
  <si>
    <t>5.63</t>
  </si>
  <si>
    <t>5.64</t>
  </si>
  <si>
    <t>3.59</t>
  </si>
  <si>
    <t>8.17</t>
  </si>
  <si>
    <t>0.89</t>
  </si>
  <si>
    <t>4.77</t>
  </si>
  <si>
    <t>49</t>
  </si>
  <si>
    <t>6.03</t>
  </si>
  <si>
    <t>56</t>
  </si>
  <si>
    <t>12</t>
  </si>
  <si>
    <t>11.0</t>
  </si>
  <si>
    <t>5.70</t>
  </si>
  <si>
    <t>0.91</t>
  </si>
  <si>
    <t>3.66</t>
  </si>
  <si>
    <t>1.03</t>
  </si>
  <si>
    <t>2.45</t>
  </si>
  <si>
    <t>11.9</t>
  </si>
  <si>
    <t>1.47</t>
  </si>
  <si>
    <t>2.72</t>
  </si>
  <si>
    <t>3.19</t>
  </si>
  <si>
    <t>2.01</t>
  </si>
  <si>
    <t>12.3</t>
  </si>
  <si>
    <t>12.9</t>
  </si>
  <si>
    <t>3.30</t>
  </si>
  <si>
    <t>5.91</t>
  </si>
  <si>
    <t>10.62</t>
  </si>
  <si>
    <t>1.15</t>
  </si>
  <si>
    <t>0.86</t>
  </si>
  <si>
    <t>33.0</t>
  </si>
  <si>
    <t>29.3</t>
  </si>
  <si>
    <t>25.1</t>
  </si>
  <si>
    <t>24.3</t>
  </si>
  <si>
    <t>13.4</t>
  </si>
  <si>
    <t>17.2</t>
  </si>
  <si>
    <t>0.97</t>
  </si>
  <si>
    <t>57</t>
  </si>
  <si>
    <t>33.7</t>
  </si>
  <si>
    <t>91</t>
  </si>
  <si>
    <t>22</t>
  </si>
  <si>
    <t>濁り多し（上流または近海で工事のため）</t>
  </si>
  <si>
    <t>褐色・淡（明）</t>
  </si>
  <si>
    <t>23</t>
  </si>
  <si>
    <t>29.8</t>
  </si>
  <si>
    <t>35</t>
  </si>
  <si>
    <t>土臭（微）</t>
  </si>
  <si>
    <t>14</t>
  </si>
  <si>
    <t>1.02</t>
  </si>
  <si>
    <t>-1.0</t>
  </si>
  <si>
    <t>10.3</t>
  </si>
  <si>
    <t>11.7</t>
  </si>
  <si>
    <t>13.9</t>
  </si>
  <si>
    <t>15.3</t>
  </si>
  <si>
    <t>1.24</t>
  </si>
  <si>
    <t>灰色・淡（明）</t>
  </si>
  <si>
    <t>20</t>
  </si>
  <si>
    <t>1.94</t>
  </si>
  <si>
    <t>1.31</t>
  </si>
  <si>
    <t>1.49</t>
  </si>
  <si>
    <t>2.56</t>
  </si>
  <si>
    <t>2.24</t>
  </si>
  <si>
    <t>2.27</t>
  </si>
  <si>
    <t>40</t>
  </si>
  <si>
    <t>沼沢臭（中）</t>
  </si>
  <si>
    <t>1.66</t>
  </si>
  <si>
    <t>1.82</t>
  </si>
  <si>
    <t>1.89</t>
  </si>
  <si>
    <t>1.77</t>
  </si>
  <si>
    <t>1.90</t>
  </si>
  <si>
    <t>2.68</t>
  </si>
  <si>
    <t>1.25</t>
  </si>
  <si>
    <t>1.38</t>
  </si>
  <si>
    <t>1.22</t>
  </si>
  <si>
    <t>1.11</t>
  </si>
  <si>
    <t>1.45</t>
  </si>
  <si>
    <t>4.92</t>
  </si>
  <si>
    <t>25</t>
  </si>
  <si>
    <t>18</t>
  </si>
  <si>
    <t>88</t>
  </si>
  <si>
    <t>2.78</t>
  </si>
  <si>
    <t>4.01</t>
  </si>
  <si>
    <t>黄色・中</t>
  </si>
  <si>
    <t>46</t>
  </si>
  <si>
    <t>2.99</t>
  </si>
  <si>
    <t>2.11</t>
  </si>
  <si>
    <t>2.61</t>
  </si>
  <si>
    <t>3.07</t>
  </si>
  <si>
    <t>4.05</t>
  </si>
  <si>
    <t>2.04</t>
  </si>
  <si>
    <t>1.19</t>
  </si>
  <si>
    <t>1.57</t>
  </si>
  <si>
    <t>6.70</t>
  </si>
  <si>
    <t>17</t>
  </si>
  <si>
    <t>4.55</t>
  </si>
  <si>
    <t>42</t>
  </si>
  <si>
    <t>15</t>
  </si>
  <si>
    <t>83</t>
  </si>
  <si>
    <t>2.02</t>
  </si>
  <si>
    <t>1.56</t>
  </si>
  <si>
    <t>2.09</t>
  </si>
  <si>
    <t>3.16</t>
  </si>
  <si>
    <t>3.31</t>
  </si>
  <si>
    <t>1.39</t>
  </si>
  <si>
    <t>2.31</t>
  </si>
  <si>
    <t>1.23</t>
  </si>
  <si>
    <t>1.73</t>
  </si>
  <si>
    <t>1.43</t>
  </si>
  <si>
    <t>1.12</t>
  </si>
  <si>
    <t>9.9</t>
  </si>
  <si>
    <t>33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境川</t>
  </si>
  <si>
    <t>河川D</t>
  </si>
  <si>
    <t>相模原市</t>
  </si>
  <si>
    <t>ＤＯ</t>
  </si>
  <si>
    <t>単位</t>
  </si>
  <si>
    <t>時：分</t>
  </si>
  <si>
    <t>℃</t>
  </si>
  <si>
    <t>m/s</t>
  </si>
  <si>
    <t>ｍ</t>
  </si>
  <si>
    <t>㎝</t>
  </si>
  <si>
    <t>流心（中央）</t>
  </si>
  <si>
    <t>5mm以上10mm未満</t>
  </si>
  <si>
    <t>0mm以上5mm未満</t>
  </si>
  <si>
    <t>鶴間橋(14-040-52)</t>
  </si>
  <si>
    <t>大和市</t>
  </si>
  <si>
    <t>新道大橋(14-040-53)</t>
  </si>
  <si>
    <t>高鎌橋(14-040-54)</t>
  </si>
  <si>
    <t>横浜市</t>
  </si>
  <si>
    <t>大道橋(14-040-01)</t>
  </si>
  <si>
    <t>藤沢市</t>
  </si>
  <si>
    <t>境川橋(14-041-01)</t>
  </si>
  <si>
    <t>河川C</t>
  </si>
  <si>
    <t>境川(柏尾川)</t>
  </si>
  <si>
    <t>吉倉橋(14-041-56)</t>
  </si>
  <si>
    <t>鷹匠橋(14-041-58)</t>
  </si>
  <si>
    <t>川名橋(14-041-57)</t>
  </si>
  <si>
    <t>境川(いたち川)</t>
  </si>
  <si>
    <t>いたち川橋(14-041-59)</t>
  </si>
  <si>
    <t>引地川</t>
  </si>
  <si>
    <t>福田橋(14-011-53)</t>
  </si>
  <si>
    <t>下土棚大橋(14-011-51)</t>
  </si>
  <si>
    <t>石川橋(14-011-52)</t>
  </si>
  <si>
    <t>富士見橋(14-011-01)</t>
  </si>
  <si>
    <t>ｎ-ヘキサン抽出物質</t>
  </si>
  <si>
    <t>鉛</t>
  </si>
  <si>
    <t>MPN/100mL</t>
  </si>
  <si>
    <t>&lt;0.0003</t>
  </si>
  <si>
    <t>&lt;0.01</t>
  </si>
  <si>
    <t>&lt;0.0005</t>
  </si>
  <si>
    <t>&lt;0.02</t>
  </si>
  <si>
    <t>&lt;0.005</t>
  </si>
  <si>
    <t>&lt;0.0001</t>
  </si>
  <si>
    <t>&lt;0.5</t>
  </si>
  <si>
    <t>&lt;0.0002</t>
  </si>
  <si>
    <t>&lt;0.001</t>
  </si>
  <si>
    <t>1，3-ジクロロプロペン</t>
  </si>
  <si>
    <t>銅</t>
  </si>
  <si>
    <t>溶解性鉄</t>
  </si>
  <si>
    <t>&lt;0.08</t>
  </si>
  <si>
    <t>&lt;0.002</t>
  </si>
  <si>
    <t>&lt;0.05</t>
  </si>
  <si>
    <t>&lt;0.0004</t>
  </si>
  <si>
    <t>有機りん</t>
  </si>
  <si>
    <t>mS/m</t>
  </si>
  <si>
    <t>‰</t>
  </si>
  <si>
    <t>&lt;0.04</t>
  </si>
  <si>
    <t>&lt;0.03</t>
  </si>
  <si>
    <t>&lt;0.008</t>
  </si>
  <si>
    <t>&lt;0.0006</t>
  </si>
  <si>
    <t>1，1，1-トリクロロエタン</t>
  </si>
  <si>
    <t>μg/L</t>
  </si>
  <si>
    <t>常矢橋(14-040-51)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&lt;0.00006</t>
  </si>
  <si>
    <t>0.0072</t>
  </si>
  <si>
    <t/>
  </si>
  <si>
    <t>0.0019</t>
  </si>
  <si>
    <t>0.0045</t>
  </si>
  <si>
    <t>0.00008</t>
  </si>
  <si>
    <t>0.052</t>
  </si>
  <si>
    <t>0.0006</t>
  </si>
  <si>
    <t>0.0041</t>
  </si>
  <si>
    <t>0.0047</t>
  </si>
  <si>
    <t>0.0034</t>
  </si>
  <si>
    <t>0.0010</t>
  </si>
  <si>
    <t>0.0008</t>
  </si>
  <si>
    <t>0.0012</t>
  </si>
  <si>
    <t>0.0020</t>
  </si>
  <si>
    <t>0.0015</t>
  </si>
  <si>
    <t>0.0024</t>
  </si>
  <si>
    <t>0.0029</t>
  </si>
  <si>
    <t>0.0027</t>
  </si>
  <si>
    <t>0.0016</t>
  </si>
  <si>
    <t>0.0033</t>
  </si>
  <si>
    <t>0.0013</t>
  </si>
  <si>
    <t>0.0009</t>
  </si>
  <si>
    <t>0.0011</t>
  </si>
  <si>
    <t>0.0094</t>
  </si>
  <si>
    <t>0.0076</t>
  </si>
  <si>
    <t>0.0043</t>
  </si>
  <si>
    <t>0.0062</t>
  </si>
  <si>
    <t>0.0023</t>
  </si>
  <si>
    <t>0.0040</t>
  </si>
  <si>
    <t>0.0017</t>
  </si>
  <si>
    <t>0.0046</t>
  </si>
  <si>
    <t>0.0082</t>
  </si>
  <si>
    <t>0.010</t>
  </si>
  <si>
    <t>0.0037</t>
  </si>
  <si>
    <t>0.0044</t>
  </si>
  <si>
    <t>0.0051</t>
  </si>
  <si>
    <t>0.0018</t>
  </si>
  <si>
    <t>0.0032</t>
  </si>
  <si>
    <t>0.0059</t>
  </si>
  <si>
    <t>0.0060</t>
  </si>
  <si>
    <t>0.0042</t>
  </si>
  <si>
    <t>0.0087</t>
  </si>
  <si>
    <t>0.0050</t>
  </si>
  <si>
    <t>0.0063</t>
  </si>
  <si>
    <t>0.0028</t>
  </si>
  <si>
    <t>0.0035</t>
  </si>
  <si>
    <t>0.0089</t>
  </si>
  <si>
    <t>0.009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46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15"/>
  <sheetViews>
    <sheetView tabSelected="1"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45</v>
      </c>
      <c r="C1" s="1" t="s">
        <v>1</v>
      </c>
      <c r="D1" s="1" t="s">
        <v>906</v>
      </c>
      <c r="E1" s="1" t="s">
        <v>2</v>
      </c>
      <c r="F1" s="1" t="s">
        <v>846</v>
      </c>
      <c r="G1" s="1" t="s">
        <v>3</v>
      </c>
      <c r="H1" s="1" t="s">
        <v>84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4</v>
      </c>
      <c r="AB2" s="1" t="s">
        <v>920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8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6458333333333335</v>
      </c>
      <c r="C4" s="1" t="s">
        <v>855</v>
      </c>
      <c r="D4" s="1" t="s">
        <v>27</v>
      </c>
      <c r="E4" s="1" t="s">
        <v>28</v>
      </c>
      <c r="F4" s="1" t="s">
        <v>29</v>
      </c>
      <c r="G4" s="1" t="s">
        <v>30</v>
      </c>
      <c r="H4" s="1" t="s">
        <v>31</v>
      </c>
      <c r="I4" s="1" t="s">
        <v>32</v>
      </c>
      <c r="J4" s="1" t="s">
        <v>32</v>
      </c>
      <c r="K4" s="1" t="s">
        <v>33</v>
      </c>
      <c r="L4" s="1" t="s">
        <v>34</v>
      </c>
      <c r="N4" s="1" t="s">
        <v>35</v>
      </c>
      <c r="O4" s="1" t="s">
        <v>36</v>
      </c>
      <c r="P4" s="1" t="s">
        <v>37</v>
      </c>
      <c r="Q4" s="1" t="s">
        <v>38</v>
      </c>
      <c r="R4" s="1" t="s">
        <v>39</v>
      </c>
      <c r="S4" s="1" t="s">
        <v>40</v>
      </c>
      <c r="T4" s="1" t="s">
        <v>41</v>
      </c>
      <c r="U4" s="1">
        <v>10.199999999999999</v>
      </c>
      <c r="V4" s="4">
        <v>790</v>
      </c>
      <c r="W4" s="1"/>
      <c r="X4" s="1">
        <v>1.9</v>
      </c>
      <c r="Y4" s="1">
        <v>4.8000000000000001E-2</v>
      </c>
      <c r="Z4" s="1">
        <v>1.2999999999999999E-2</v>
      </c>
      <c r="AA4" s="1"/>
      <c r="AB4" s="1"/>
      <c r="AC4" s="1" t="s">
        <v>881</v>
      </c>
      <c r="AD4" s="1" t="s">
        <v>882</v>
      </c>
      <c r="AE4" s="1" t="s">
        <v>883</v>
      </c>
      <c r="AF4" s="1" t="s">
        <v>884</v>
      </c>
      <c r="AG4" s="1" t="s">
        <v>885</v>
      </c>
      <c r="AH4" s="1" t="s">
        <v>883</v>
      </c>
      <c r="AI4" s="1"/>
      <c r="AJ4" s="1"/>
      <c r="AK4" s="1"/>
      <c r="AL4" s="1" t="s">
        <v>886</v>
      </c>
      <c r="AM4" s="1"/>
      <c r="AN4" s="1"/>
      <c r="AO4" s="1"/>
      <c r="AP4" t="s">
        <v>886</v>
      </c>
      <c r="AQ4" s="1"/>
      <c r="AR4" s="1" t="s">
        <v>886</v>
      </c>
      <c r="AS4" s="1" t="s">
        <v>886</v>
      </c>
      <c r="AT4" s="1"/>
      <c r="AU4" s="1"/>
      <c r="AV4" s="1"/>
      <c r="AW4" s="1"/>
      <c r="AX4" s="1"/>
      <c r="AY4" s="1"/>
      <c r="AZ4" s="1" t="s">
        <v>893</v>
      </c>
      <c r="BA4" s="1">
        <v>0.11</v>
      </c>
      <c r="BB4" s="1">
        <v>0.03</v>
      </c>
      <c r="BC4" s="1">
        <v>1.4</v>
      </c>
      <c r="BD4" s="1">
        <v>1.4</v>
      </c>
      <c r="BE4" s="1"/>
      <c r="BF4" s="1"/>
      <c r="BG4" s="1"/>
      <c r="BH4" s="1"/>
      <c r="BI4" s="1"/>
      <c r="BJ4" s="1"/>
      <c r="BK4" s="1"/>
      <c r="BL4" s="1"/>
      <c r="BM4" s="1" t="s">
        <v>900</v>
      </c>
      <c r="BN4" s="1">
        <v>0.02</v>
      </c>
      <c r="BO4" s="1">
        <v>35</v>
      </c>
      <c r="BP4" s="1">
        <v>26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95833333333333337</v>
      </c>
      <c r="C5" s="1" t="s">
        <v>855</v>
      </c>
      <c r="D5" s="1" t="s">
        <v>27</v>
      </c>
      <c r="E5" s="1" t="s">
        <v>28</v>
      </c>
      <c r="F5" s="1" t="s">
        <v>42</v>
      </c>
      <c r="G5" s="1" t="s">
        <v>43</v>
      </c>
      <c r="H5" s="1" t="s">
        <v>44</v>
      </c>
      <c r="I5" s="1" t="s">
        <v>45</v>
      </c>
      <c r="J5" s="1" t="s">
        <v>46</v>
      </c>
      <c r="K5" s="1" t="s">
        <v>47</v>
      </c>
      <c r="L5" s="1" t="s">
        <v>34</v>
      </c>
      <c r="N5" s="1" t="s">
        <v>35</v>
      </c>
      <c r="O5" s="1" t="s">
        <v>36</v>
      </c>
      <c r="P5" s="1" t="s">
        <v>37</v>
      </c>
      <c r="Q5" s="1" t="s">
        <v>48</v>
      </c>
      <c r="R5" s="1" t="s">
        <v>49</v>
      </c>
      <c r="S5" s="1" t="s">
        <v>50</v>
      </c>
      <c r="T5" s="1" t="s">
        <v>41</v>
      </c>
      <c r="U5" s="1">
        <v>7.7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4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1</v>
      </c>
      <c r="B6" s="2">
        <v>0.45833333333333331</v>
      </c>
      <c r="C6" s="1" t="s">
        <v>855</v>
      </c>
      <c r="D6" s="1" t="s">
        <v>27</v>
      </c>
      <c r="E6" s="1" t="s">
        <v>856</v>
      </c>
      <c r="F6" s="1" t="s">
        <v>52</v>
      </c>
      <c r="G6" s="1" t="s">
        <v>53</v>
      </c>
      <c r="H6" s="1" t="s">
        <v>54</v>
      </c>
      <c r="I6" s="1" t="s">
        <v>46</v>
      </c>
      <c r="J6" s="1" t="s">
        <v>55</v>
      </c>
      <c r="K6" s="1" t="s">
        <v>56</v>
      </c>
      <c r="L6" s="1" t="s">
        <v>34</v>
      </c>
      <c r="N6" s="1" t="s">
        <v>35</v>
      </c>
      <c r="O6" s="1" t="s">
        <v>57</v>
      </c>
      <c r="P6" s="1" t="s">
        <v>37</v>
      </c>
      <c r="Q6" s="1" t="s">
        <v>58</v>
      </c>
      <c r="R6" s="1" t="s">
        <v>39</v>
      </c>
      <c r="S6" s="1" t="s">
        <v>59</v>
      </c>
      <c r="T6" s="1" t="s">
        <v>60</v>
      </c>
      <c r="U6" s="1">
        <v>12.3</v>
      </c>
      <c r="V6" s="4">
        <v>22000</v>
      </c>
      <c r="W6" s="1"/>
      <c r="X6" s="1">
        <v>2.1</v>
      </c>
      <c r="Y6" s="1">
        <v>6.3E-2</v>
      </c>
      <c r="Z6" s="1">
        <v>1.2E-2</v>
      </c>
      <c r="AA6" s="1" t="s">
        <v>926</v>
      </c>
      <c r="AB6" s="1" t="s">
        <v>927</v>
      </c>
      <c r="AC6" s="1"/>
      <c r="AD6" s="1" t="s">
        <v>882</v>
      </c>
      <c r="AE6" s="1" t="s">
        <v>883</v>
      </c>
      <c r="AF6" s="1"/>
      <c r="AG6" s="1" t="s">
        <v>885</v>
      </c>
      <c r="AH6" s="1" t="s">
        <v>883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1.6</v>
      </c>
      <c r="BD6" s="1">
        <v>1.6</v>
      </c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26</v>
      </c>
      <c r="BP6" s="1">
        <v>21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95833333333333337</v>
      </c>
      <c r="C7" s="1" t="s">
        <v>855</v>
      </c>
      <c r="D7" s="1" t="s">
        <v>27</v>
      </c>
      <c r="E7" s="1" t="s">
        <v>856</v>
      </c>
      <c r="F7" s="1" t="s">
        <v>61</v>
      </c>
      <c r="G7" s="1" t="s">
        <v>62</v>
      </c>
      <c r="H7" s="1" t="s">
        <v>46</v>
      </c>
      <c r="I7" s="1" t="s">
        <v>63</v>
      </c>
      <c r="J7" s="1" t="s">
        <v>64</v>
      </c>
      <c r="K7" s="1" t="s">
        <v>65</v>
      </c>
      <c r="L7" s="1" t="s">
        <v>34</v>
      </c>
      <c r="N7" s="1" t="s">
        <v>35</v>
      </c>
      <c r="O7" s="1" t="s">
        <v>36</v>
      </c>
      <c r="P7" s="1" t="s">
        <v>37</v>
      </c>
      <c r="Q7" s="1" t="s">
        <v>48</v>
      </c>
      <c r="R7" s="1" t="s">
        <v>66</v>
      </c>
      <c r="S7" s="1" t="s">
        <v>67</v>
      </c>
      <c r="T7" s="1" t="s">
        <v>68</v>
      </c>
      <c r="U7" s="1">
        <v>7.7</v>
      </c>
      <c r="V7" s="1"/>
      <c r="W7" s="1"/>
      <c r="X7" s="1"/>
      <c r="Y7" s="1"/>
      <c r="Z7" s="1"/>
      <c r="AA7" s="1" t="s">
        <v>928</v>
      </c>
      <c r="AB7" s="1" t="s">
        <v>928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4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9</v>
      </c>
      <c r="B8" s="2">
        <v>0.45833333333333331</v>
      </c>
      <c r="C8" s="1" t="s">
        <v>855</v>
      </c>
      <c r="D8" s="1" t="s">
        <v>27</v>
      </c>
      <c r="E8" s="1" t="s">
        <v>857</v>
      </c>
      <c r="F8" s="1" t="s">
        <v>70</v>
      </c>
      <c r="G8" s="1" t="s">
        <v>71</v>
      </c>
      <c r="H8" s="1" t="s">
        <v>72</v>
      </c>
      <c r="I8" s="1" t="s">
        <v>73</v>
      </c>
      <c r="J8" s="1" t="s">
        <v>32</v>
      </c>
      <c r="K8" s="1" t="s">
        <v>74</v>
      </c>
      <c r="L8" s="1" t="s">
        <v>34</v>
      </c>
      <c r="N8" s="1" t="s">
        <v>35</v>
      </c>
      <c r="O8" s="1" t="s">
        <v>36</v>
      </c>
      <c r="P8" s="1" t="s">
        <v>37</v>
      </c>
      <c r="Q8" s="1" t="s">
        <v>75</v>
      </c>
      <c r="R8" s="1" t="s">
        <v>49</v>
      </c>
      <c r="S8" s="1" t="s">
        <v>76</v>
      </c>
      <c r="T8" s="1" t="s">
        <v>60</v>
      </c>
      <c r="U8" s="1">
        <v>10.3</v>
      </c>
      <c r="V8" s="4">
        <v>2300</v>
      </c>
      <c r="W8" s="1"/>
      <c r="X8" s="1">
        <v>2.2999999999999998</v>
      </c>
      <c r="Y8" s="1">
        <v>7.6999999999999999E-2</v>
      </c>
      <c r="Z8" s="1">
        <v>2.3E-2</v>
      </c>
      <c r="AA8" s="1" t="s">
        <v>928</v>
      </c>
      <c r="AB8" s="1" t="s">
        <v>928</v>
      </c>
      <c r="AC8" s="1" t="s">
        <v>881</v>
      </c>
      <c r="AD8" s="1" t="s">
        <v>882</v>
      </c>
      <c r="AE8" s="1" t="s">
        <v>883</v>
      </c>
      <c r="AF8" s="1" t="s">
        <v>884</v>
      </c>
      <c r="AG8" s="1" t="s">
        <v>885</v>
      </c>
      <c r="AH8" s="1" t="s">
        <v>883</v>
      </c>
      <c r="AI8" s="1"/>
      <c r="AJ8" s="1"/>
      <c r="AK8" s="1"/>
      <c r="AL8" s="1" t="s">
        <v>886</v>
      </c>
      <c r="AM8" s="1"/>
      <c r="AN8" s="1"/>
      <c r="AO8" s="1"/>
      <c r="AP8" t="s">
        <v>886</v>
      </c>
      <c r="AQ8" s="1"/>
      <c r="AR8" s="1" t="s">
        <v>886</v>
      </c>
      <c r="AS8" s="1" t="s">
        <v>886</v>
      </c>
      <c r="AT8" s="1"/>
      <c r="AU8" s="1"/>
      <c r="AV8" s="1"/>
      <c r="AW8" s="1"/>
      <c r="AX8" s="1"/>
      <c r="AY8" s="1"/>
      <c r="AZ8" s="1" t="s">
        <v>893</v>
      </c>
      <c r="BA8" s="1">
        <v>0.1</v>
      </c>
      <c r="BB8" s="1">
        <v>0.03</v>
      </c>
      <c r="BC8" s="1">
        <v>1.9</v>
      </c>
      <c r="BD8" s="1">
        <v>1.9</v>
      </c>
      <c r="BE8" s="1"/>
      <c r="BF8" s="1"/>
      <c r="BG8" s="1"/>
      <c r="BH8" s="1"/>
      <c r="BI8" s="1"/>
      <c r="BJ8" s="1"/>
      <c r="BK8" s="1"/>
      <c r="BL8" s="1"/>
      <c r="BM8" s="1" t="s">
        <v>900</v>
      </c>
      <c r="BN8" s="1">
        <v>6.3E-2</v>
      </c>
      <c r="BO8" s="1">
        <v>24</v>
      </c>
      <c r="BP8" s="1">
        <v>16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95833333333333337</v>
      </c>
      <c r="C9" s="1" t="s">
        <v>855</v>
      </c>
      <c r="D9" s="1" t="s">
        <v>27</v>
      </c>
      <c r="E9" s="1" t="s">
        <v>857</v>
      </c>
      <c r="F9" s="1" t="s">
        <v>71</v>
      </c>
      <c r="G9" s="1" t="s">
        <v>77</v>
      </c>
      <c r="H9" s="1" t="s">
        <v>72</v>
      </c>
      <c r="I9" s="1" t="s">
        <v>78</v>
      </c>
      <c r="J9" s="1" t="s">
        <v>79</v>
      </c>
      <c r="K9" s="1" t="s">
        <v>80</v>
      </c>
      <c r="L9" s="1" t="s">
        <v>34</v>
      </c>
      <c r="N9" s="1" t="s">
        <v>35</v>
      </c>
      <c r="O9" s="1" t="s">
        <v>36</v>
      </c>
      <c r="P9" s="1" t="s">
        <v>37</v>
      </c>
      <c r="Q9" s="1" t="s">
        <v>81</v>
      </c>
      <c r="R9" s="1" t="s">
        <v>82</v>
      </c>
      <c r="S9" s="1" t="s">
        <v>83</v>
      </c>
      <c r="T9" s="1" t="s">
        <v>60</v>
      </c>
      <c r="U9" s="1">
        <v>7.8</v>
      </c>
      <c r="V9" s="1"/>
      <c r="W9" s="1"/>
      <c r="X9" s="1"/>
      <c r="Y9" s="1"/>
      <c r="Z9" s="1"/>
      <c r="AA9" s="1" t="s">
        <v>928</v>
      </c>
      <c r="AB9" s="1" t="s">
        <v>928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5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46875</v>
      </c>
      <c r="C10" s="1" t="s">
        <v>855</v>
      </c>
      <c r="D10" s="1" t="s">
        <v>85</v>
      </c>
      <c r="E10" s="1" t="s">
        <v>28</v>
      </c>
      <c r="F10" s="1" t="s">
        <v>86</v>
      </c>
      <c r="G10" s="1" t="s">
        <v>87</v>
      </c>
      <c r="H10" s="1" t="s">
        <v>46</v>
      </c>
      <c r="I10" s="1" t="s">
        <v>79</v>
      </c>
      <c r="J10" s="1" t="s">
        <v>79</v>
      </c>
      <c r="K10" s="1" t="s">
        <v>88</v>
      </c>
      <c r="L10" s="1" t="s">
        <v>34</v>
      </c>
      <c r="N10" s="1" t="s">
        <v>35</v>
      </c>
      <c r="O10" s="1" t="s">
        <v>57</v>
      </c>
      <c r="P10" s="1" t="s">
        <v>37</v>
      </c>
      <c r="Q10" s="1" t="s">
        <v>89</v>
      </c>
      <c r="R10" s="1" t="s">
        <v>90</v>
      </c>
      <c r="S10" s="1" t="s">
        <v>91</v>
      </c>
      <c r="T10" s="1" t="s">
        <v>60</v>
      </c>
      <c r="U10" s="1">
        <v>12.7</v>
      </c>
      <c r="V10" s="4">
        <v>1300</v>
      </c>
      <c r="W10" s="1"/>
      <c r="X10" s="1">
        <v>2.2999999999999998</v>
      </c>
      <c r="Y10" s="1">
        <v>5.3999999999999999E-2</v>
      </c>
      <c r="Z10" s="1">
        <v>9.9000000000000008E-3</v>
      </c>
      <c r="AA10" s="1" t="s">
        <v>928</v>
      </c>
      <c r="AB10" s="1" t="s">
        <v>928</v>
      </c>
      <c r="AC10" s="1"/>
      <c r="AD10" s="1" t="s">
        <v>882</v>
      </c>
      <c r="AE10" s="1" t="s">
        <v>883</v>
      </c>
      <c r="AF10" s="1"/>
      <c r="AG10" s="1" t="s">
        <v>885</v>
      </c>
      <c r="AH10" s="1" t="s">
        <v>883</v>
      </c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883</v>
      </c>
      <c r="AV10" s="1" t="s">
        <v>881</v>
      </c>
      <c r="AW10" s="1" t="s">
        <v>881</v>
      </c>
      <c r="AX10" s="1"/>
      <c r="AY10" s="1"/>
      <c r="AZ10" s="1"/>
      <c r="BA10" s="1"/>
      <c r="BB10" s="1">
        <v>0.05</v>
      </c>
      <c r="BC10" s="1">
        <v>1.5</v>
      </c>
      <c r="BD10" s="1">
        <v>1.5</v>
      </c>
      <c r="BE10" s="1"/>
      <c r="BF10" s="1"/>
      <c r="BG10" s="1"/>
      <c r="BH10" s="1"/>
      <c r="BI10" s="1"/>
      <c r="BJ10" s="1"/>
      <c r="BK10" s="1"/>
      <c r="BL10" s="1">
        <v>1E-3</v>
      </c>
      <c r="BM10" s="1"/>
      <c r="BN10" s="1"/>
      <c r="BO10" s="1">
        <v>39</v>
      </c>
      <c r="BP10" s="1">
        <v>34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5138888888888884</v>
      </c>
      <c r="C11" s="1" t="s">
        <v>855</v>
      </c>
      <c r="D11" s="1" t="s">
        <v>85</v>
      </c>
      <c r="E11" s="1" t="s">
        <v>28</v>
      </c>
      <c r="F11" s="1" t="s">
        <v>92</v>
      </c>
      <c r="G11" s="1" t="s">
        <v>93</v>
      </c>
      <c r="H11" s="1" t="s">
        <v>64</v>
      </c>
      <c r="I11" s="1" t="s">
        <v>79</v>
      </c>
      <c r="J11" s="1" t="s">
        <v>64</v>
      </c>
      <c r="K11" s="1" t="s">
        <v>94</v>
      </c>
      <c r="L11" s="1" t="s">
        <v>95</v>
      </c>
      <c r="N11" s="1" t="s">
        <v>35</v>
      </c>
      <c r="O11" s="1" t="s">
        <v>57</v>
      </c>
      <c r="P11" s="1" t="s">
        <v>37</v>
      </c>
      <c r="Q11" s="1" t="s">
        <v>96</v>
      </c>
      <c r="R11" s="1" t="s">
        <v>39</v>
      </c>
      <c r="S11" s="1" t="s">
        <v>50</v>
      </c>
      <c r="T11" s="1" t="s">
        <v>60</v>
      </c>
      <c r="U11" s="1">
        <v>9.1</v>
      </c>
      <c r="V11" s="1"/>
      <c r="W11" s="1"/>
      <c r="X11" s="1"/>
      <c r="Y11" s="1"/>
      <c r="Z11" s="1"/>
      <c r="AA11" s="1" t="s">
        <v>928</v>
      </c>
      <c r="AB11" s="1" t="s">
        <v>928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2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7</v>
      </c>
      <c r="B12" s="2">
        <v>0.47847222222222219</v>
      </c>
      <c r="C12" s="1" t="s">
        <v>855</v>
      </c>
      <c r="D12" s="1" t="s">
        <v>27</v>
      </c>
      <c r="E12" s="1" t="s">
        <v>28</v>
      </c>
      <c r="F12" s="1" t="s">
        <v>98</v>
      </c>
      <c r="G12" s="1" t="s">
        <v>99</v>
      </c>
      <c r="H12" s="1" t="s">
        <v>44</v>
      </c>
      <c r="I12" s="1" t="s">
        <v>55</v>
      </c>
      <c r="J12" s="1" t="s">
        <v>79</v>
      </c>
      <c r="K12" s="1" t="s">
        <v>100</v>
      </c>
      <c r="L12" s="1" t="s">
        <v>34</v>
      </c>
      <c r="N12" s="1" t="s">
        <v>35</v>
      </c>
      <c r="O12" s="1" t="s">
        <v>57</v>
      </c>
      <c r="P12" s="1" t="s">
        <v>37</v>
      </c>
      <c r="Q12" s="1" t="s">
        <v>38</v>
      </c>
      <c r="R12" s="1" t="s">
        <v>101</v>
      </c>
      <c r="S12" s="1" t="s">
        <v>49</v>
      </c>
      <c r="T12" s="1" t="s">
        <v>41</v>
      </c>
      <c r="U12" s="1">
        <v>9.4</v>
      </c>
      <c r="V12" s="4">
        <v>2300</v>
      </c>
      <c r="W12" s="1" t="s">
        <v>887</v>
      </c>
      <c r="X12" s="1">
        <v>2</v>
      </c>
      <c r="Y12" s="1">
        <v>5.5E-2</v>
      </c>
      <c r="Z12" s="1">
        <v>7.0000000000000001E-3</v>
      </c>
      <c r="AA12" s="1" t="s">
        <v>926</v>
      </c>
      <c r="AB12" s="1" t="s">
        <v>929</v>
      </c>
      <c r="AC12" s="1" t="s">
        <v>881</v>
      </c>
      <c r="AD12" s="1" t="s">
        <v>882</v>
      </c>
      <c r="AE12" s="1" t="s">
        <v>883</v>
      </c>
      <c r="AF12" s="1" t="s">
        <v>884</v>
      </c>
      <c r="AG12" s="1" t="s">
        <v>885</v>
      </c>
      <c r="AH12" s="1" t="s">
        <v>883</v>
      </c>
      <c r="AI12" s="1"/>
      <c r="AJ12" s="1"/>
      <c r="AK12" s="1" t="s">
        <v>886</v>
      </c>
      <c r="AL12" s="1" t="s">
        <v>886</v>
      </c>
      <c r="AM12" s="1" t="s">
        <v>886</v>
      </c>
      <c r="AN12" s="1" t="s">
        <v>886</v>
      </c>
      <c r="AO12" s="1" t="s">
        <v>886</v>
      </c>
      <c r="AP12" t="s">
        <v>886</v>
      </c>
      <c r="AQ12" s="1" t="s">
        <v>886</v>
      </c>
      <c r="AR12" s="1" t="s">
        <v>886</v>
      </c>
      <c r="AS12" s="1" t="s">
        <v>886</v>
      </c>
      <c r="AT12" s="1" t="s">
        <v>888</v>
      </c>
      <c r="AU12" s="1"/>
      <c r="AV12" s="1"/>
      <c r="AW12" s="1"/>
      <c r="AX12" s="1" t="s">
        <v>886</v>
      </c>
      <c r="AY12" s="1" t="s">
        <v>894</v>
      </c>
      <c r="AZ12" s="1" t="s">
        <v>893</v>
      </c>
      <c r="BA12" s="1">
        <v>0.09</v>
      </c>
      <c r="BB12" s="1">
        <v>0.01</v>
      </c>
      <c r="BC12" s="1">
        <v>1.7</v>
      </c>
      <c r="BD12" s="1">
        <v>1.7</v>
      </c>
      <c r="BE12" s="1" t="s">
        <v>885</v>
      </c>
      <c r="BF12" s="1" t="s">
        <v>885</v>
      </c>
      <c r="BG12" s="1">
        <v>4.1999999999999997E-3</v>
      </c>
      <c r="BH12" s="1" t="s">
        <v>884</v>
      </c>
      <c r="BI12" s="1" t="s">
        <v>882</v>
      </c>
      <c r="BJ12" s="1"/>
      <c r="BK12" s="1"/>
      <c r="BL12" s="1"/>
      <c r="BM12" s="1" t="s">
        <v>900</v>
      </c>
      <c r="BN12" s="1">
        <v>3.7999999999999999E-2</v>
      </c>
      <c r="BO12" s="1">
        <v>26</v>
      </c>
      <c r="BP12" s="1">
        <v>15</v>
      </c>
      <c r="BQ12" s="1"/>
      <c r="BR12" s="1" t="s">
        <v>901</v>
      </c>
      <c r="BS12" s="1" t="s">
        <v>885</v>
      </c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95486111111111116</v>
      </c>
      <c r="C13" s="1" t="s">
        <v>855</v>
      </c>
      <c r="D13" s="1" t="s">
        <v>27</v>
      </c>
      <c r="E13" s="1" t="s">
        <v>28</v>
      </c>
      <c r="F13" s="1" t="s">
        <v>102</v>
      </c>
      <c r="G13" s="1" t="s">
        <v>103</v>
      </c>
      <c r="H13" s="1" t="s">
        <v>72</v>
      </c>
      <c r="I13" s="1" t="s">
        <v>55</v>
      </c>
      <c r="J13" s="1" t="s">
        <v>79</v>
      </c>
      <c r="K13" s="1" t="s">
        <v>80</v>
      </c>
      <c r="L13" s="1" t="s">
        <v>34</v>
      </c>
      <c r="N13" s="1" t="s">
        <v>35</v>
      </c>
      <c r="O13" s="1" t="s">
        <v>57</v>
      </c>
      <c r="P13" s="1" t="s">
        <v>37</v>
      </c>
      <c r="Q13" s="1" t="s">
        <v>89</v>
      </c>
      <c r="R13" s="1" t="s">
        <v>104</v>
      </c>
      <c r="S13" s="1" t="s">
        <v>76</v>
      </c>
      <c r="T13" s="1" t="s">
        <v>68</v>
      </c>
      <c r="U13" s="1">
        <v>7.1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9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05</v>
      </c>
      <c r="B14" s="2">
        <v>0.45833333333333331</v>
      </c>
      <c r="C14" s="1" t="s">
        <v>855</v>
      </c>
      <c r="D14" s="1" t="s">
        <v>27</v>
      </c>
      <c r="E14" s="1" t="s">
        <v>857</v>
      </c>
      <c r="F14" s="1" t="s">
        <v>106</v>
      </c>
      <c r="G14" s="1" t="s">
        <v>107</v>
      </c>
      <c r="H14" s="1" t="s">
        <v>44</v>
      </c>
      <c r="I14" s="1" t="s">
        <v>55</v>
      </c>
      <c r="J14" s="1" t="s">
        <v>64</v>
      </c>
      <c r="K14" s="1" t="s">
        <v>65</v>
      </c>
      <c r="L14" s="1" t="s">
        <v>34</v>
      </c>
      <c r="N14" s="1" t="s">
        <v>35</v>
      </c>
      <c r="O14" s="1" t="s">
        <v>57</v>
      </c>
      <c r="P14" s="1" t="s">
        <v>37</v>
      </c>
      <c r="Q14" s="1" t="s">
        <v>75</v>
      </c>
      <c r="R14" s="1" t="s">
        <v>108</v>
      </c>
      <c r="S14" s="1" t="s">
        <v>109</v>
      </c>
      <c r="T14" s="1" t="s">
        <v>41</v>
      </c>
      <c r="U14" s="1">
        <v>9.9</v>
      </c>
      <c r="V14" s="4">
        <v>790</v>
      </c>
      <c r="W14" s="1"/>
      <c r="X14" s="1">
        <v>1.9</v>
      </c>
      <c r="Y14" s="1">
        <v>5.8000000000000003E-2</v>
      </c>
      <c r="Z14" s="1">
        <v>1.2999999999999999E-2</v>
      </c>
      <c r="AA14" s="1"/>
      <c r="AB14" s="1"/>
      <c r="AC14" s="1"/>
      <c r="AD14" s="1" t="s">
        <v>882</v>
      </c>
      <c r="AE14" s="1" t="s">
        <v>883</v>
      </c>
      <c r="AF14" s="1"/>
      <c r="AG14" s="1" t="s">
        <v>885</v>
      </c>
      <c r="AH14" s="1" t="s">
        <v>883</v>
      </c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2</v>
      </c>
      <c r="BC14" s="1">
        <v>1.7</v>
      </c>
      <c r="BD14" s="1">
        <v>1.7</v>
      </c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27</v>
      </c>
      <c r="BP14" s="1">
        <v>17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9506944444444444</v>
      </c>
      <c r="C15" s="1" t="s">
        <v>855</v>
      </c>
      <c r="D15" s="1" t="s">
        <v>27</v>
      </c>
      <c r="E15" s="1" t="s">
        <v>857</v>
      </c>
      <c r="F15" s="1" t="s">
        <v>110</v>
      </c>
      <c r="G15" s="1" t="s">
        <v>111</v>
      </c>
      <c r="H15" s="1" t="s">
        <v>44</v>
      </c>
      <c r="I15" s="1" t="s">
        <v>55</v>
      </c>
      <c r="J15" s="1" t="s">
        <v>64</v>
      </c>
      <c r="K15" s="1" t="s">
        <v>94</v>
      </c>
      <c r="L15" s="1" t="s">
        <v>34</v>
      </c>
      <c r="N15" s="1" t="s">
        <v>35</v>
      </c>
      <c r="O15" s="1" t="s">
        <v>57</v>
      </c>
      <c r="P15" s="1" t="s">
        <v>37</v>
      </c>
      <c r="Q15" s="1" t="s">
        <v>89</v>
      </c>
      <c r="R15" s="1" t="s">
        <v>104</v>
      </c>
      <c r="S15" s="1" t="s">
        <v>59</v>
      </c>
      <c r="T15" s="1" t="s">
        <v>60</v>
      </c>
      <c r="U15" s="1">
        <v>7.4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1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12</v>
      </c>
      <c r="B16" s="2">
        <v>0.46180555555555558</v>
      </c>
      <c r="C16" s="1" t="s">
        <v>855</v>
      </c>
      <c r="D16" s="1" t="s">
        <v>27</v>
      </c>
      <c r="E16" s="1" t="s">
        <v>28</v>
      </c>
      <c r="F16" s="1" t="s">
        <v>113</v>
      </c>
      <c r="G16" s="1" t="s">
        <v>114</v>
      </c>
      <c r="H16" s="1" t="s">
        <v>32</v>
      </c>
      <c r="I16" s="1" t="s">
        <v>45</v>
      </c>
      <c r="J16" s="1" t="s">
        <v>64</v>
      </c>
      <c r="K16" s="1" t="s">
        <v>94</v>
      </c>
      <c r="L16" s="1" t="s">
        <v>34</v>
      </c>
      <c r="N16" s="1" t="s">
        <v>35</v>
      </c>
      <c r="O16" s="1" t="s">
        <v>57</v>
      </c>
      <c r="P16" s="1" t="s">
        <v>37</v>
      </c>
      <c r="Q16" s="1" t="s">
        <v>75</v>
      </c>
      <c r="R16" s="1" t="s">
        <v>104</v>
      </c>
      <c r="S16" s="1" t="s">
        <v>115</v>
      </c>
      <c r="T16" s="1" t="s">
        <v>116</v>
      </c>
      <c r="U16" s="1">
        <v>11.1</v>
      </c>
      <c r="V16" s="4">
        <v>13000</v>
      </c>
      <c r="W16" s="1"/>
      <c r="X16" s="1">
        <v>2.2999999999999998</v>
      </c>
      <c r="Y16" s="1">
        <v>4.1000000000000002E-2</v>
      </c>
      <c r="Z16" s="1">
        <v>9.1000000000000004E-3</v>
      </c>
      <c r="AA16" s="1"/>
      <c r="AB16" s="1"/>
      <c r="AC16" s="1" t="s">
        <v>881</v>
      </c>
      <c r="AD16" s="1" t="s">
        <v>882</v>
      </c>
      <c r="AE16" s="1" t="s">
        <v>883</v>
      </c>
      <c r="AF16" s="1" t="s">
        <v>884</v>
      </c>
      <c r="AG16" s="1" t="s">
        <v>885</v>
      </c>
      <c r="AH16" s="1" t="s">
        <v>883</v>
      </c>
      <c r="AI16" s="1"/>
      <c r="AJ16" s="1"/>
      <c r="AK16" s="1"/>
      <c r="AL16" s="1" t="s">
        <v>886</v>
      </c>
      <c r="AM16" s="1"/>
      <c r="AN16" s="1"/>
      <c r="AO16" s="1"/>
      <c r="AP16" t="s">
        <v>886</v>
      </c>
      <c r="AQ16" s="1"/>
      <c r="AR16" s="1" t="s">
        <v>886</v>
      </c>
      <c r="AS16" s="1" t="s">
        <v>886</v>
      </c>
      <c r="AT16" s="1"/>
      <c r="AU16" s="1"/>
      <c r="AV16" s="1"/>
      <c r="AW16" s="1"/>
      <c r="AX16" s="1"/>
      <c r="AY16" s="1"/>
      <c r="AZ16" s="1" t="s">
        <v>893</v>
      </c>
      <c r="BA16" s="1">
        <v>0.12</v>
      </c>
      <c r="BB16" s="1">
        <v>0.02</v>
      </c>
      <c r="BC16" s="1">
        <v>2</v>
      </c>
      <c r="BD16" s="1">
        <v>2</v>
      </c>
      <c r="BE16" s="1"/>
      <c r="BF16" s="1"/>
      <c r="BG16" s="1"/>
      <c r="BH16" s="1"/>
      <c r="BI16" s="1"/>
      <c r="BJ16" s="1"/>
      <c r="BK16" s="1"/>
      <c r="BL16" s="1"/>
      <c r="BM16" s="1" t="s">
        <v>900</v>
      </c>
      <c r="BN16" s="1">
        <v>0.03</v>
      </c>
      <c r="BO16" s="1">
        <v>31</v>
      </c>
      <c r="BP16" s="1">
        <v>23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6805555555555547</v>
      </c>
      <c r="C17" s="1" t="s">
        <v>855</v>
      </c>
      <c r="D17" s="1" t="s">
        <v>27</v>
      </c>
      <c r="E17" s="1" t="s">
        <v>28</v>
      </c>
      <c r="F17" s="1" t="s">
        <v>117</v>
      </c>
      <c r="G17" s="1" t="s">
        <v>118</v>
      </c>
      <c r="H17" s="1" t="s">
        <v>32</v>
      </c>
      <c r="I17" s="1" t="s">
        <v>119</v>
      </c>
      <c r="J17" s="1" t="s">
        <v>79</v>
      </c>
      <c r="K17" s="1" t="s">
        <v>88</v>
      </c>
      <c r="L17" s="1" t="s">
        <v>34</v>
      </c>
      <c r="N17" s="1" t="s">
        <v>35</v>
      </c>
      <c r="O17" s="1" t="s">
        <v>57</v>
      </c>
      <c r="P17" s="1" t="s">
        <v>37</v>
      </c>
      <c r="Q17" s="1" t="s">
        <v>120</v>
      </c>
      <c r="R17" s="1" t="s">
        <v>121</v>
      </c>
      <c r="S17" s="1" t="s">
        <v>122</v>
      </c>
      <c r="T17" s="1" t="s">
        <v>116</v>
      </c>
      <c r="U17" s="1">
        <v>8.6999999999999993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5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23</v>
      </c>
      <c r="B18" s="2">
        <v>0.45833333333333331</v>
      </c>
      <c r="C18" s="1" t="s">
        <v>855</v>
      </c>
      <c r="D18" s="1" t="s">
        <v>85</v>
      </c>
      <c r="E18" s="1" t="s">
        <v>28</v>
      </c>
      <c r="F18" s="1" t="s">
        <v>124</v>
      </c>
      <c r="G18" s="1" t="s">
        <v>125</v>
      </c>
      <c r="H18" s="1" t="s">
        <v>64</v>
      </c>
      <c r="I18" s="1" t="s">
        <v>79</v>
      </c>
      <c r="J18" s="1" t="s">
        <v>46</v>
      </c>
      <c r="K18" s="1" t="s">
        <v>126</v>
      </c>
      <c r="L18" s="1" t="s">
        <v>127</v>
      </c>
      <c r="N18" s="1" t="s">
        <v>35</v>
      </c>
      <c r="O18" s="1" t="s">
        <v>36</v>
      </c>
      <c r="P18" s="1" t="s">
        <v>37</v>
      </c>
      <c r="Q18" s="1" t="s">
        <v>128</v>
      </c>
      <c r="R18" s="1" t="s">
        <v>39</v>
      </c>
      <c r="S18" s="1" t="s">
        <v>83</v>
      </c>
      <c r="T18" s="1" t="s">
        <v>129</v>
      </c>
      <c r="U18" s="1">
        <v>12.1</v>
      </c>
      <c r="V18" s="4">
        <v>2300</v>
      </c>
      <c r="W18" s="1"/>
      <c r="X18" s="1">
        <v>2.2000000000000002</v>
      </c>
      <c r="Y18" s="1">
        <v>9.9000000000000005E-2</v>
      </c>
      <c r="Z18" s="1">
        <v>1.9E-2</v>
      </c>
      <c r="AA18" s="1" t="s">
        <v>926</v>
      </c>
      <c r="AB18" s="1" t="s">
        <v>930</v>
      </c>
      <c r="AC18" s="1"/>
      <c r="AD18" s="1" t="s">
        <v>882</v>
      </c>
      <c r="AE18" s="1" t="s">
        <v>883</v>
      </c>
      <c r="AF18" s="1"/>
      <c r="AG18" s="1" t="s">
        <v>885</v>
      </c>
      <c r="AH18" s="1" t="s">
        <v>883</v>
      </c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2</v>
      </c>
      <c r="BC18" s="1">
        <v>1.7</v>
      </c>
      <c r="BD18" s="1">
        <v>1.7</v>
      </c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32</v>
      </c>
      <c r="BP18" s="1">
        <v>26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95000000000000007</v>
      </c>
      <c r="C19" s="1" t="s">
        <v>855</v>
      </c>
      <c r="D19" s="1" t="s">
        <v>85</v>
      </c>
      <c r="E19" s="1" t="s">
        <v>28</v>
      </c>
      <c r="F19" s="1" t="s">
        <v>130</v>
      </c>
      <c r="G19" s="1" t="s">
        <v>131</v>
      </c>
      <c r="H19" s="1" t="s">
        <v>46</v>
      </c>
      <c r="I19" s="1" t="s">
        <v>32</v>
      </c>
      <c r="J19" s="1" t="s">
        <v>64</v>
      </c>
      <c r="K19" s="1" t="s">
        <v>132</v>
      </c>
      <c r="L19" s="1" t="s">
        <v>133</v>
      </c>
      <c r="N19" s="1" t="s">
        <v>35</v>
      </c>
      <c r="O19" s="1" t="s">
        <v>36</v>
      </c>
      <c r="P19" s="1" t="s">
        <v>37</v>
      </c>
      <c r="Q19" s="1" t="s">
        <v>134</v>
      </c>
      <c r="R19" s="1" t="s">
        <v>121</v>
      </c>
      <c r="S19" s="1" t="s">
        <v>135</v>
      </c>
      <c r="T19" s="1" t="s">
        <v>136</v>
      </c>
      <c r="U19" s="1">
        <v>9.9</v>
      </c>
      <c r="V19" s="1"/>
      <c r="W19" s="1"/>
      <c r="X19" s="1"/>
      <c r="Y19" s="1"/>
      <c r="Z19" s="1"/>
      <c r="AA19" s="1" t="s">
        <v>928</v>
      </c>
      <c r="AB19" s="1" t="s">
        <v>928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1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37</v>
      </c>
      <c r="B20" s="2">
        <v>0.4597222222222222</v>
      </c>
      <c r="C20" s="1" t="s">
        <v>855</v>
      </c>
      <c r="D20" s="1" t="s">
        <v>27</v>
      </c>
      <c r="E20" s="1" t="s">
        <v>857</v>
      </c>
      <c r="F20" s="1" t="s">
        <v>114</v>
      </c>
      <c r="G20" s="1" t="s">
        <v>138</v>
      </c>
      <c r="H20" s="1" t="s">
        <v>64</v>
      </c>
      <c r="I20" s="1" t="s">
        <v>32</v>
      </c>
      <c r="J20" s="1" t="s">
        <v>64</v>
      </c>
      <c r="K20" s="1" t="s">
        <v>139</v>
      </c>
      <c r="L20" s="1" t="s">
        <v>34</v>
      </c>
      <c r="N20" s="1" t="s">
        <v>35</v>
      </c>
      <c r="O20" s="1" t="s">
        <v>57</v>
      </c>
      <c r="P20" s="1" t="s">
        <v>37</v>
      </c>
      <c r="Q20" s="1" t="s">
        <v>140</v>
      </c>
      <c r="R20" s="1" t="s">
        <v>121</v>
      </c>
      <c r="S20" s="1" t="s">
        <v>141</v>
      </c>
      <c r="T20" s="1" t="s">
        <v>60</v>
      </c>
      <c r="U20" s="1">
        <v>10.3</v>
      </c>
      <c r="V20" s="4">
        <v>1700</v>
      </c>
      <c r="W20" s="1"/>
      <c r="X20" s="1">
        <v>5.2</v>
      </c>
      <c r="Y20" s="1">
        <v>0.13</v>
      </c>
      <c r="Z20" s="1">
        <v>7.6999999999999999E-2</v>
      </c>
      <c r="AA20" s="1" t="s">
        <v>928</v>
      </c>
      <c r="AB20" s="1" t="s">
        <v>928</v>
      </c>
      <c r="AC20" s="1" t="s">
        <v>881</v>
      </c>
      <c r="AD20" s="1" t="s">
        <v>882</v>
      </c>
      <c r="AE20" s="1" t="s">
        <v>883</v>
      </c>
      <c r="AF20" s="1" t="s">
        <v>884</v>
      </c>
      <c r="AG20" s="1" t="s">
        <v>885</v>
      </c>
      <c r="AH20" s="1" t="s">
        <v>883</v>
      </c>
      <c r="AI20" s="1"/>
      <c r="AJ20" s="1"/>
      <c r="AK20" s="1"/>
      <c r="AL20" s="1" t="s">
        <v>886</v>
      </c>
      <c r="AM20" s="1"/>
      <c r="AN20" s="1"/>
      <c r="AO20" s="1"/>
      <c r="AP20" t="s">
        <v>886</v>
      </c>
      <c r="AQ20" s="1"/>
      <c r="AR20" s="1" t="s">
        <v>886</v>
      </c>
      <c r="AS20" s="1" t="s">
        <v>886</v>
      </c>
      <c r="AT20" s="1"/>
      <c r="AU20" s="1"/>
      <c r="AV20" s="1"/>
      <c r="AW20" s="1"/>
      <c r="AX20" s="1"/>
      <c r="AY20" s="1"/>
      <c r="AZ20" s="1" t="s">
        <v>893</v>
      </c>
      <c r="BA20" s="1">
        <v>0.2</v>
      </c>
      <c r="BB20" s="1">
        <v>0.13</v>
      </c>
      <c r="BC20" s="1">
        <v>3.7</v>
      </c>
      <c r="BD20" s="1">
        <v>3.8</v>
      </c>
      <c r="BE20" s="1"/>
      <c r="BF20" s="1"/>
      <c r="BG20" s="1"/>
      <c r="BH20" s="1"/>
      <c r="BI20" s="1"/>
      <c r="BJ20" s="1"/>
      <c r="BK20" s="1"/>
      <c r="BL20" s="1"/>
      <c r="BM20" s="1">
        <v>0.09</v>
      </c>
      <c r="BN20" s="1">
        <v>9.7000000000000003E-2</v>
      </c>
      <c r="BO20" s="1">
        <v>61</v>
      </c>
      <c r="BP20" s="1">
        <v>59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95347222222222217</v>
      </c>
      <c r="C21" s="1" t="s">
        <v>855</v>
      </c>
      <c r="D21" s="1" t="s">
        <v>85</v>
      </c>
      <c r="E21" s="1" t="s">
        <v>857</v>
      </c>
      <c r="F21" s="1" t="s">
        <v>142</v>
      </c>
      <c r="G21" s="1" t="s">
        <v>125</v>
      </c>
      <c r="H21" s="1" t="s">
        <v>64</v>
      </c>
      <c r="I21" s="1" t="s">
        <v>64</v>
      </c>
      <c r="J21" s="1" t="s">
        <v>46</v>
      </c>
      <c r="K21" s="1" t="s">
        <v>78</v>
      </c>
      <c r="L21" s="1" t="s">
        <v>34</v>
      </c>
      <c r="N21" s="1" t="s">
        <v>35</v>
      </c>
      <c r="O21" s="1" t="s">
        <v>57</v>
      </c>
      <c r="P21" s="1" t="s">
        <v>37</v>
      </c>
      <c r="Q21" s="1" t="s">
        <v>143</v>
      </c>
      <c r="R21" s="1" t="s">
        <v>121</v>
      </c>
      <c r="S21" s="1" t="s">
        <v>91</v>
      </c>
      <c r="T21" s="1" t="s">
        <v>41</v>
      </c>
      <c r="U21" s="1">
        <v>9</v>
      </c>
      <c r="V21" s="1"/>
      <c r="W21" s="1"/>
      <c r="X21" s="1"/>
      <c r="Y21" s="1"/>
      <c r="Z21" s="1"/>
      <c r="AA21" s="1" t="s">
        <v>928</v>
      </c>
      <c r="AB21" s="1" t="s">
        <v>928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48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44</v>
      </c>
      <c r="B22" s="2">
        <v>0.45833333333333331</v>
      </c>
      <c r="C22" s="1" t="s">
        <v>855</v>
      </c>
      <c r="D22" s="1" t="s">
        <v>27</v>
      </c>
      <c r="E22" s="1" t="s">
        <v>28</v>
      </c>
      <c r="F22" s="1" t="s">
        <v>145</v>
      </c>
      <c r="G22" s="1" t="s">
        <v>50</v>
      </c>
      <c r="H22" s="1" t="s">
        <v>46</v>
      </c>
      <c r="I22" s="1" t="s">
        <v>46</v>
      </c>
      <c r="J22" s="1" t="s">
        <v>46</v>
      </c>
      <c r="K22" s="1" t="s">
        <v>78</v>
      </c>
      <c r="L22" s="1" t="s">
        <v>34</v>
      </c>
      <c r="N22" s="1" t="s">
        <v>35</v>
      </c>
      <c r="O22" s="1" t="s">
        <v>57</v>
      </c>
      <c r="P22" s="1" t="s">
        <v>37</v>
      </c>
      <c r="Q22" s="1" t="s">
        <v>89</v>
      </c>
      <c r="R22" s="1" t="s">
        <v>146</v>
      </c>
      <c r="S22" s="1" t="s">
        <v>147</v>
      </c>
      <c r="T22" s="1" t="s">
        <v>116</v>
      </c>
      <c r="U22" s="1">
        <v>12.6</v>
      </c>
      <c r="V22" s="4">
        <v>230</v>
      </c>
      <c r="W22" s="1"/>
      <c r="X22" s="1">
        <v>5.5</v>
      </c>
      <c r="Y22" s="1">
        <v>9.0999999999999998E-2</v>
      </c>
      <c r="Z22" s="1">
        <v>7.2999999999999995E-2</v>
      </c>
      <c r="AA22" s="1" t="s">
        <v>928</v>
      </c>
      <c r="AB22" s="1" t="s">
        <v>928</v>
      </c>
      <c r="AC22" s="1"/>
      <c r="AD22" s="1" t="s">
        <v>882</v>
      </c>
      <c r="AE22" s="1" t="s">
        <v>883</v>
      </c>
      <c r="AF22" s="1"/>
      <c r="AG22" s="1" t="s">
        <v>885</v>
      </c>
      <c r="AH22" s="1" t="s">
        <v>883</v>
      </c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61</v>
      </c>
      <c r="BC22" s="1">
        <v>3.7</v>
      </c>
      <c r="BD22" s="1">
        <v>4.3</v>
      </c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68</v>
      </c>
      <c r="BP22" s="1">
        <v>78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3819444444444444</v>
      </c>
      <c r="C23" s="1" t="s">
        <v>855</v>
      </c>
      <c r="D23" s="1" t="s">
        <v>27</v>
      </c>
      <c r="E23" s="1" t="s">
        <v>28</v>
      </c>
      <c r="F23" s="1" t="s">
        <v>148</v>
      </c>
      <c r="G23" s="1" t="s">
        <v>149</v>
      </c>
      <c r="H23" s="1" t="s">
        <v>46</v>
      </c>
      <c r="I23" s="1" t="s">
        <v>64</v>
      </c>
      <c r="J23" s="1" t="s">
        <v>31</v>
      </c>
      <c r="K23" s="1" t="s">
        <v>150</v>
      </c>
      <c r="L23" s="1" t="s">
        <v>34</v>
      </c>
      <c r="N23" s="1" t="s">
        <v>35</v>
      </c>
      <c r="O23" s="1" t="s">
        <v>57</v>
      </c>
      <c r="P23" s="1" t="s">
        <v>37</v>
      </c>
      <c r="Q23" s="1" t="s">
        <v>75</v>
      </c>
      <c r="R23" s="1" t="s">
        <v>151</v>
      </c>
      <c r="S23" s="1" t="s">
        <v>122</v>
      </c>
      <c r="T23" s="1" t="s">
        <v>60</v>
      </c>
      <c r="U23" s="1">
        <v>13.5</v>
      </c>
      <c r="V23" s="1"/>
      <c r="W23" s="1"/>
      <c r="X23" s="1"/>
      <c r="Y23" s="1"/>
      <c r="Z23" s="1"/>
      <c r="AA23" s="1" t="s">
        <v>928</v>
      </c>
      <c r="AB23" s="1" t="s">
        <v>928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7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52</v>
      </c>
      <c r="B24" s="2">
        <v>0.4604166666666667</v>
      </c>
      <c r="C24" s="1" t="s">
        <v>855</v>
      </c>
      <c r="D24" s="1" t="s">
        <v>27</v>
      </c>
      <c r="E24" s="1" t="s">
        <v>857</v>
      </c>
      <c r="F24" s="1" t="s">
        <v>117</v>
      </c>
      <c r="G24" s="1" t="s">
        <v>153</v>
      </c>
      <c r="H24" s="1" t="s">
        <v>64</v>
      </c>
      <c r="I24" s="1" t="s">
        <v>32</v>
      </c>
      <c r="J24" s="1" t="s">
        <v>64</v>
      </c>
      <c r="K24" s="1" t="s">
        <v>139</v>
      </c>
      <c r="L24" s="1" t="s">
        <v>154</v>
      </c>
      <c r="N24" s="1" t="s">
        <v>35</v>
      </c>
      <c r="O24" s="1" t="s">
        <v>36</v>
      </c>
      <c r="P24" s="1" t="s">
        <v>37</v>
      </c>
      <c r="Q24" s="1" t="s">
        <v>128</v>
      </c>
      <c r="R24" s="1" t="s">
        <v>83</v>
      </c>
      <c r="S24" s="1" t="s">
        <v>38</v>
      </c>
      <c r="T24" s="1" t="s">
        <v>68</v>
      </c>
      <c r="U24" s="1">
        <v>11.3</v>
      </c>
      <c r="V24" s="4">
        <v>13000</v>
      </c>
      <c r="W24" s="1" t="s">
        <v>887</v>
      </c>
      <c r="X24" s="1">
        <v>3</v>
      </c>
      <c r="Y24" s="1">
        <v>9.4E-2</v>
      </c>
      <c r="Z24" s="1">
        <v>0.23</v>
      </c>
      <c r="AA24" s="1" t="s">
        <v>931</v>
      </c>
      <c r="AB24" s="1" t="s">
        <v>932</v>
      </c>
      <c r="AC24" s="1" t="s">
        <v>881</v>
      </c>
      <c r="AD24" s="1" t="s">
        <v>882</v>
      </c>
      <c r="AE24" s="1">
        <v>5.9999999999999995E-4</v>
      </c>
      <c r="AF24" s="1" t="s">
        <v>884</v>
      </c>
      <c r="AG24" s="1" t="s">
        <v>885</v>
      </c>
      <c r="AH24" s="1" t="s">
        <v>883</v>
      </c>
      <c r="AI24" s="1"/>
      <c r="AJ24" s="1"/>
      <c r="AK24" s="1" t="s">
        <v>886</v>
      </c>
      <c r="AL24" s="1" t="s">
        <v>886</v>
      </c>
      <c r="AM24" s="1" t="s">
        <v>886</v>
      </c>
      <c r="AN24" s="1" t="s">
        <v>886</v>
      </c>
      <c r="AO24" s="1" t="s">
        <v>886</v>
      </c>
      <c r="AP24" t="s">
        <v>886</v>
      </c>
      <c r="AQ24" s="1" t="s">
        <v>886</v>
      </c>
      <c r="AR24" s="1" t="s">
        <v>886</v>
      </c>
      <c r="AS24" s="1" t="s">
        <v>886</v>
      </c>
      <c r="AT24" s="1" t="s">
        <v>888</v>
      </c>
      <c r="AU24" s="1"/>
      <c r="AV24" s="1"/>
      <c r="AW24" s="1"/>
      <c r="AX24" s="1" t="s">
        <v>886</v>
      </c>
      <c r="AY24" s="1" t="s">
        <v>894</v>
      </c>
      <c r="AZ24" s="1" t="s">
        <v>893</v>
      </c>
      <c r="BA24" s="1">
        <v>0.17</v>
      </c>
      <c r="BB24" s="1">
        <v>0.11</v>
      </c>
      <c r="BC24" s="1">
        <v>2.2000000000000002</v>
      </c>
      <c r="BD24" s="1">
        <v>2.2999999999999998</v>
      </c>
      <c r="BE24" s="1" t="s">
        <v>885</v>
      </c>
      <c r="BF24" s="1" t="s">
        <v>885</v>
      </c>
      <c r="BG24" s="1">
        <v>1.4E-2</v>
      </c>
      <c r="BH24" s="1">
        <v>0.05</v>
      </c>
      <c r="BI24" s="1">
        <v>0.01</v>
      </c>
      <c r="BJ24" s="1"/>
      <c r="BK24" s="1"/>
      <c r="BL24" s="1"/>
      <c r="BM24" s="1">
        <v>0.23</v>
      </c>
      <c r="BN24" s="1">
        <v>3.5999999999999997E-2</v>
      </c>
      <c r="BO24" s="1">
        <v>37</v>
      </c>
      <c r="BP24" s="1">
        <v>41</v>
      </c>
      <c r="BQ24" s="1"/>
      <c r="BR24" s="1">
        <v>0.04</v>
      </c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9506944444444444</v>
      </c>
      <c r="C25" s="1" t="s">
        <v>855</v>
      </c>
      <c r="D25" s="1" t="s">
        <v>85</v>
      </c>
      <c r="E25" s="1" t="s">
        <v>857</v>
      </c>
      <c r="F25" s="1" t="s">
        <v>145</v>
      </c>
      <c r="G25" s="1" t="s">
        <v>48</v>
      </c>
      <c r="H25" s="1" t="s">
        <v>31</v>
      </c>
      <c r="I25" s="1" t="s">
        <v>64</v>
      </c>
      <c r="J25" s="1" t="s">
        <v>64</v>
      </c>
      <c r="K25" s="1" t="s">
        <v>94</v>
      </c>
      <c r="L25" s="1" t="s">
        <v>155</v>
      </c>
      <c r="N25" s="1" t="s">
        <v>35</v>
      </c>
      <c r="O25" s="1" t="s">
        <v>36</v>
      </c>
      <c r="P25" s="1" t="s">
        <v>37</v>
      </c>
      <c r="Q25" s="1" t="s">
        <v>128</v>
      </c>
      <c r="R25" s="1" t="s">
        <v>156</v>
      </c>
      <c r="S25" s="1" t="s">
        <v>157</v>
      </c>
      <c r="T25" s="1" t="s">
        <v>60</v>
      </c>
      <c r="U25" s="1">
        <v>10.9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8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8</v>
      </c>
      <c r="B26" s="2">
        <v>0.4458333333333333</v>
      </c>
      <c r="C26" s="1" t="s">
        <v>855</v>
      </c>
      <c r="D26" s="1" t="s">
        <v>85</v>
      </c>
      <c r="E26" s="1" t="s">
        <v>857</v>
      </c>
      <c r="F26" s="1" t="s">
        <v>130</v>
      </c>
      <c r="G26" s="1" t="s">
        <v>159</v>
      </c>
      <c r="H26" s="1" t="s">
        <v>63</v>
      </c>
      <c r="I26" s="1" t="s">
        <v>160</v>
      </c>
      <c r="J26" s="1" t="s">
        <v>79</v>
      </c>
      <c r="K26" s="1" t="s">
        <v>80</v>
      </c>
      <c r="L26" s="1" t="s">
        <v>34</v>
      </c>
      <c r="N26" s="1" t="s">
        <v>35</v>
      </c>
      <c r="O26" s="1" t="s">
        <v>57</v>
      </c>
      <c r="P26" s="1" t="s">
        <v>37</v>
      </c>
      <c r="Q26" s="1" t="s">
        <v>161</v>
      </c>
      <c r="R26" s="1" t="s">
        <v>162</v>
      </c>
      <c r="S26" s="1" t="s">
        <v>163</v>
      </c>
      <c r="T26" s="1" t="s">
        <v>116</v>
      </c>
      <c r="U26" s="1">
        <v>12.1</v>
      </c>
      <c r="V26" s="4">
        <v>49000</v>
      </c>
      <c r="W26" s="1"/>
      <c r="X26" s="1">
        <v>2</v>
      </c>
      <c r="Y26" s="1">
        <v>5.2999999999999999E-2</v>
      </c>
      <c r="Z26" s="1">
        <v>5.6000000000000001E-2</v>
      </c>
      <c r="AA26" s="1"/>
      <c r="AB26" s="1"/>
      <c r="AC26" s="1"/>
      <c r="AD26" s="1" t="s">
        <v>882</v>
      </c>
      <c r="AE26" s="1" t="s">
        <v>883</v>
      </c>
      <c r="AF26" s="1"/>
      <c r="AG26" s="1" t="s">
        <v>885</v>
      </c>
      <c r="AH26" s="1" t="s">
        <v>883</v>
      </c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883</v>
      </c>
      <c r="AV26" s="1" t="s">
        <v>881</v>
      </c>
      <c r="AW26" s="1" t="s">
        <v>881</v>
      </c>
      <c r="AX26" s="1"/>
      <c r="AY26" s="1"/>
      <c r="AZ26" s="1"/>
      <c r="BA26" s="1"/>
      <c r="BB26" s="1">
        <v>0.03</v>
      </c>
      <c r="BC26" s="1">
        <v>1.6</v>
      </c>
      <c r="BD26" s="1">
        <v>1.6</v>
      </c>
      <c r="BE26" s="1"/>
      <c r="BF26" s="1"/>
      <c r="BG26" s="1"/>
      <c r="BH26" s="1"/>
      <c r="BI26" s="1"/>
      <c r="BJ26" s="1"/>
      <c r="BK26" s="1"/>
      <c r="BL26" s="1">
        <v>2E-3</v>
      </c>
      <c r="BM26" s="1"/>
      <c r="BN26" s="1"/>
      <c r="BO26" s="1">
        <v>27</v>
      </c>
      <c r="BP26" s="1">
        <v>22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94791666666666663</v>
      </c>
      <c r="C27" s="1" t="s">
        <v>855</v>
      </c>
      <c r="D27" s="1" t="s">
        <v>164</v>
      </c>
      <c r="E27" s="1" t="s">
        <v>857</v>
      </c>
      <c r="F27" s="1" t="s">
        <v>165</v>
      </c>
      <c r="G27" s="1" t="s">
        <v>166</v>
      </c>
      <c r="H27" s="1" t="s">
        <v>32</v>
      </c>
      <c r="I27" s="1" t="s">
        <v>72</v>
      </c>
      <c r="J27" s="1" t="s">
        <v>64</v>
      </c>
      <c r="K27" s="1" t="s">
        <v>65</v>
      </c>
      <c r="L27" s="1" t="s">
        <v>34</v>
      </c>
      <c r="N27" s="1" t="s">
        <v>35</v>
      </c>
      <c r="O27" s="1" t="s">
        <v>57</v>
      </c>
      <c r="P27" s="1" t="s">
        <v>37</v>
      </c>
      <c r="Q27" s="1" t="s">
        <v>134</v>
      </c>
      <c r="R27" s="1" t="s">
        <v>115</v>
      </c>
      <c r="S27" s="1" t="s">
        <v>122</v>
      </c>
      <c r="T27" s="1" t="s">
        <v>60</v>
      </c>
      <c r="U27" s="1">
        <v>10.1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2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</sheetData>
  <phoneticPr fontId="18"/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1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1</v>
      </c>
      <c r="C1" s="1" t="s">
        <v>1</v>
      </c>
      <c r="D1" s="1" t="s">
        <v>872</v>
      </c>
      <c r="E1" s="1" t="s">
        <v>2</v>
      </c>
      <c r="F1" s="1" t="s">
        <v>866</v>
      </c>
      <c r="G1" s="1" t="s">
        <v>3</v>
      </c>
      <c r="H1" s="1" t="s">
        <v>86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3</v>
      </c>
      <c r="AB2" s="1" t="s">
        <v>923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11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8194444444444442</v>
      </c>
      <c r="C4" s="1" t="s">
        <v>855</v>
      </c>
      <c r="D4" s="1" t="s">
        <v>85</v>
      </c>
      <c r="E4" s="1" t="s">
        <v>28</v>
      </c>
      <c r="F4" s="1" t="s">
        <v>203</v>
      </c>
      <c r="G4" s="1" t="s">
        <v>183</v>
      </c>
      <c r="H4" s="1" t="s">
        <v>45</v>
      </c>
      <c r="I4" s="1" t="s">
        <v>495</v>
      </c>
      <c r="J4" s="1" t="s">
        <v>438</v>
      </c>
      <c r="K4" s="1" t="s">
        <v>215</v>
      </c>
      <c r="L4" s="1" t="s">
        <v>34</v>
      </c>
      <c r="N4" s="1" t="s">
        <v>35</v>
      </c>
      <c r="O4" s="1" t="s">
        <v>36</v>
      </c>
      <c r="P4" s="1" t="s">
        <v>439</v>
      </c>
      <c r="Q4" s="1" t="s">
        <v>171</v>
      </c>
      <c r="R4" s="1" t="s">
        <v>192</v>
      </c>
      <c r="S4" s="1" t="s">
        <v>191</v>
      </c>
      <c r="T4" s="1" t="s">
        <v>182</v>
      </c>
      <c r="U4" s="1">
        <v>9.4</v>
      </c>
      <c r="V4" s="4">
        <v>22000</v>
      </c>
      <c r="W4" s="1"/>
      <c r="X4" s="1">
        <v>8.1</v>
      </c>
      <c r="Y4" s="1">
        <v>0.71</v>
      </c>
      <c r="Z4" s="1">
        <v>2.4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2</v>
      </c>
      <c r="BC4" s="1">
        <v>8.1</v>
      </c>
      <c r="BD4" s="1">
        <v>8.1</v>
      </c>
      <c r="BE4" s="1"/>
      <c r="BF4" s="1"/>
      <c r="BG4" s="1"/>
      <c r="BH4" s="1"/>
      <c r="BI4" s="1"/>
      <c r="BJ4" s="1"/>
      <c r="BK4" s="1"/>
      <c r="BL4" s="1"/>
      <c r="BM4" s="1">
        <v>0.05</v>
      </c>
      <c r="BN4" s="1">
        <v>0.7</v>
      </c>
      <c r="BO4" s="1">
        <v>58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6111111111111116</v>
      </c>
      <c r="C5" s="1" t="s">
        <v>855</v>
      </c>
      <c r="D5" s="1" t="s">
        <v>85</v>
      </c>
      <c r="E5" s="1" t="s">
        <v>28</v>
      </c>
      <c r="F5" s="1" t="s">
        <v>167</v>
      </c>
      <c r="G5" s="1" t="s">
        <v>183</v>
      </c>
      <c r="H5" s="1" t="s">
        <v>45</v>
      </c>
      <c r="I5" s="1" t="s">
        <v>495</v>
      </c>
      <c r="J5" s="1" t="s">
        <v>438</v>
      </c>
      <c r="K5" s="1" t="s">
        <v>682</v>
      </c>
      <c r="L5" s="1" t="s">
        <v>34</v>
      </c>
      <c r="N5" s="1" t="s">
        <v>35</v>
      </c>
      <c r="O5" s="1" t="s">
        <v>36</v>
      </c>
      <c r="P5" s="1" t="s">
        <v>439</v>
      </c>
      <c r="Q5" s="1" t="s">
        <v>186</v>
      </c>
      <c r="R5" s="1" t="s">
        <v>82</v>
      </c>
      <c r="S5" s="1" t="s">
        <v>191</v>
      </c>
      <c r="T5" s="1" t="s">
        <v>174</v>
      </c>
      <c r="U5" s="1">
        <v>6.5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57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93</v>
      </c>
      <c r="B6" s="2">
        <v>0.375</v>
      </c>
      <c r="C6" s="1" t="s">
        <v>855</v>
      </c>
      <c r="D6" s="1" t="s">
        <v>27</v>
      </c>
      <c r="E6" s="1" t="s">
        <v>28</v>
      </c>
      <c r="F6" s="1" t="s">
        <v>70</v>
      </c>
      <c r="G6" s="1" t="s">
        <v>53</v>
      </c>
      <c r="H6" s="1" t="s">
        <v>47</v>
      </c>
      <c r="I6" s="1" t="s">
        <v>701</v>
      </c>
      <c r="J6" s="1" t="s">
        <v>438</v>
      </c>
      <c r="K6" s="1" t="s">
        <v>244</v>
      </c>
      <c r="L6" s="1" t="s">
        <v>34</v>
      </c>
      <c r="N6" s="1" t="s">
        <v>35</v>
      </c>
      <c r="O6" s="1" t="s">
        <v>36</v>
      </c>
      <c r="P6" s="1" t="s">
        <v>439</v>
      </c>
      <c r="Q6" s="1" t="s">
        <v>81</v>
      </c>
      <c r="R6" s="1" t="s">
        <v>162</v>
      </c>
      <c r="S6" s="1" t="s">
        <v>297</v>
      </c>
      <c r="T6" s="1" t="s">
        <v>68</v>
      </c>
      <c r="U6" s="1">
        <v>9.1</v>
      </c>
      <c r="V6" s="4">
        <v>23000</v>
      </c>
      <c r="W6" s="1"/>
      <c r="X6" s="1">
        <v>6.6</v>
      </c>
      <c r="Y6" s="1">
        <v>0.75</v>
      </c>
      <c r="Z6" s="1">
        <v>1.7999999999999999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1</v>
      </c>
      <c r="BC6" s="1">
        <v>5.7</v>
      </c>
      <c r="BD6" s="1">
        <v>5.7</v>
      </c>
      <c r="BE6" s="1"/>
      <c r="BF6" s="1"/>
      <c r="BG6" s="1"/>
      <c r="BH6" s="1"/>
      <c r="BI6" s="1"/>
      <c r="BJ6" s="1"/>
      <c r="BK6" s="1"/>
      <c r="BL6" s="1"/>
      <c r="BM6" s="1">
        <v>0.04</v>
      </c>
      <c r="BN6" s="1">
        <v>0.6</v>
      </c>
      <c r="BO6" s="1">
        <v>51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5416666666666663</v>
      </c>
      <c r="C7" s="1" t="s">
        <v>855</v>
      </c>
      <c r="D7" s="1" t="s">
        <v>85</v>
      </c>
      <c r="E7" s="1" t="s">
        <v>28</v>
      </c>
      <c r="F7" s="1" t="s">
        <v>202</v>
      </c>
      <c r="G7" s="1" t="s">
        <v>250</v>
      </c>
      <c r="H7" s="1" t="s">
        <v>55</v>
      </c>
      <c r="I7" s="1" t="s">
        <v>197</v>
      </c>
      <c r="J7" s="1" t="s">
        <v>438</v>
      </c>
      <c r="K7" s="1" t="s">
        <v>244</v>
      </c>
      <c r="L7" s="1" t="s">
        <v>34</v>
      </c>
      <c r="N7" s="1" t="s">
        <v>35</v>
      </c>
      <c r="O7" s="1" t="s">
        <v>36</v>
      </c>
      <c r="P7" s="1" t="s">
        <v>439</v>
      </c>
      <c r="Q7" s="1" t="s">
        <v>186</v>
      </c>
      <c r="R7" s="1" t="s">
        <v>162</v>
      </c>
      <c r="S7" s="1" t="s">
        <v>341</v>
      </c>
      <c r="T7" s="1" t="s">
        <v>41</v>
      </c>
      <c r="U7" s="1">
        <v>7.5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53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9</v>
      </c>
      <c r="B8" s="2">
        <v>0.38194444444444442</v>
      </c>
      <c r="C8" s="1" t="s">
        <v>855</v>
      </c>
      <c r="D8" s="1" t="s">
        <v>85</v>
      </c>
      <c r="E8" s="1" t="s">
        <v>857</v>
      </c>
      <c r="F8" s="1" t="s">
        <v>336</v>
      </c>
      <c r="G8" s="1" t="s">
        <v>246</v>
      </c>
      <c r="H8" s="1" t="s">
        <v>47</v>
      </c>
      <c r="I8" s="1" t="s">
        <v>716</v>
      </c>
      <c r="J8" s="1" t="s">
        <v>438</v>
      </c>
      <c r="K8" s="1" t="s">
        <v>682</v>
      </c>
      <c r="L8" s="1" t="s">
        <v>34</v>
      </c>
      <c r="N8" s="1" t="s">
        <v>35</v>
      </c>
      <c r="O8" s="1" t="s">
        <v>36</v>
      </c>
      <c r="P8" s="1" t="s">
        <v>439</v>
      </c>
      <c r="Q8" s="1" t="s">
        <v>171</v>
      </c>
      <c r="R8" s="1" t="s">
        <v>245</v>
      </c>
      <c r="S8" s="1" t="s">
        <v>287</v>
      </c>
      <c r="T8" s="1" t="s">
        <v>68</v>
      </c>
      <c r="U8" s="1">
        <v>8.5</v>
      </c>
      <c r="V8" s="4">
        <v>23000</v>
      </c>
      <c r="W8" s="1"/>
      <c r="X8" s="1">
        <v>6</v>
      </c>
      <c r="Y8" s="1">
        <v>0.96</v>
      </c>
      <c r="Z8" s="1">
        <v>0.0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5.2</v>
      </c>
      <c r="BD8" s="1">
        <v>5.2</v>
      </c>
      <c r="BE8" s="1"/>
      <c r="BF8" s="1"/>
      <c r="BG8" s="1"/>
      <c r="BH8" s="1"/>
      <c r="BI8" s="1"/>
      <c r="BJ8" s="1"/>
      <c r="BK8" s="1"/>
      <c r="BL8" s="1"/>
      <c r="BM8" s="1" t="s">
        <v>900</v>
      </c>
      <c r="BN8" s="1">
        <v>0.94</v>
      </c>
      <c r="BO8" s="1">
        <v>53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5416666666666663</v>
      </c>
      <c r="C9" s="1" t="s">
        <v>855</v>
      </c>
      <c r="D9" s="1" t="s">
        <v>85</v>
      </c>
      <c r="E9" s="1" t="s">
        <v>857</v>
      </c>
      <c r="F9" s="1" t="s">
        <v>389</v>
      </c>
      <c r="G9" s="1" t="s">
        <v>629</v>
      </c>
      <c r="H9" s="1" t="s">
        <v>55</v>
      </c>
      <c r="I9" s="1" t="s">
        <v>520</v>
      </c>
      <c r="J9" s="1" t="s">
        <v>438</v>
      </c>
      <c r="K9" s="1" t="s">
        <v>248</v>
      </c>
      <c r="L9" s="1" t="s">
        <v>34</v>
      </c>
      <c r="N9" s="1" t="s">
        <v>35</v>
      </c>
      <c r="O9" s="1" t="s">
        <v>36</v>
      </c>
      <c r="P9" s="1" t="s">
        <v>439</v>
      </c>
      <c r="Q9" s="1" t="s">
        <v>179</v>
      </c>
      <c r="R9" s="1" t="s">
        <v>39</v>
      </c>
      <c r="S9" s="1" t="s">
        <v>341</v>
      </c>
      <c r="T9" s="1" t="s">
        <v>68</v>
      </c>
      <c r="U9" s="1">
        <v>6.5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54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9583333333333331</v>
      </c>
      <c r="C10" s="1" t="s">
        <v>855</v>
      </c>
      <c r="D10" s="1" t="s">
        <v>85</v>
      </c>
      <c r="E10" s="1" t="s">
        <v>28</v>
      </c>
      <c r="F10" s="1" t="s">
        <v>353</v>
      </c>
      <c r="G10" s="1" t="s">
        <v>52</v>
      </c>
      <c r="H10" s="1" t="s">
        <v>160</v>
      </c>
      <c r="I10" s="1" t="s">
        <v>492</v>
      </c>
      <c r="J10" s="1" t="s">
        <v>438</v>
      </c>
      <c r="K10" s="1" t="s">
        <v>215</v>
      </c>
      <c r="L10" s="1" t="s">
        <v>34</v>
      </c>
      <c r="N10" s="1" t="s">
        <v>35</v>
      </c>
      <c r="O10" s="1" t="s">
        <v>36</v>
      </c>
      <c r="P10" s="1" t="s">
        <v>439</v>
      </c>
      <c r="Q10" s="1" t="s">
        <v>81</v>
      </c>
      <c r="R10" s="1" t="s">
        <v>121</v>
      </c>
      <c r="S10" s="1" t="s">
        <v>415</v>
      </c>
      <c r="T10" s="1" t="s">
        <v>286</v>
      </c>
      <c r="U10" s="1">
        <v>8.9</v>
      </c>
      <c r="V10" s="4">
        <v>33000</v>
      </c>
      <c r="W10" s="1" t="s">
        <v>887</v>
      </c>
      <c r="X10" s="1">
        <v>7</v>
      </c>
      <c r="Y10" s="1">
        <v>0.18</v>
      </c>
      <c r="Z10" s="1">
        <v>2.3E-2</v>
      </c>
      <c r="AA10" s="1"/>
      <c r="AB10" s="1"/>
      <c r="AC10" s="1" t="s">
        <v>881</v>
      </c>
      <c r="AD10" s="1" t="s">
        <v>882</v>
      </c>
      <c r="AE10" s="1" t="s">
        <v>883</v>
      </c>
      <c r="AF10" s="1" t="s">
        <v>884</v>
      </c>
      <c r="AG10" s="1" t="s">
        <v>885</v>
      </c>
      <c r="AH10" s="1" t="s">
        <v>883</v>
      </c>
      <c r="AI10" s="1"/>
      <c r="AJ10" s="1"/>
      <c r="AK10" s="1" t="s">
        <v>886</v>
      </c>
      <c r="AL10" s="1" t="s">
        <v>886</v>
      </c>
      <c r="AM10" s="1" t="s">
        <v>886</v>
      </c>
      <c r="AN10" s="1" t="s">
        <v>886</v>
      </c>
      <c r="AO10" s="1" t="s">
        <v>886</v>
      </c>
      <c r="AP10" t="s">
        <v>886</v>
      </c>
      <c r="AQ10" s="1" t="s">
        <v>886</v>
      </c>
      <c r="AR10" s="1" t="s">
        <v>886</v>
      </c>
      <c r="AS10" s="1" t="s">
        <v>886</v>
      </c>
      <c r="AT10" s="1" t="s">
        <v>888</v>
      </c>
      <c r="AU10" s="1" t="s">
        <v>883</v>
      </c>
      <c r="AV10" s="1" t="s">
        <v>881</v>
      </c>
      <c r="AW10" s="1" t="s">
        <v>881</v>
      </c>
      <c r="AX10" s="1" t="s">
        <v>886</v>
      </c>
      <c r="AY10" s="1" t="s">
        <v>894</v>
      </c>
      <c r="AZ10" s="1">
        <v>0.09</v>
      </c>
      <c r="BA10" s="1">
        <v>0.05</v>
      </c>
      <c r="BB10" s="1">
        <v>0.01</v>
      </c>
      <c r="BC10" s="1">
        <v>6.4</v>
      </c>
      <c r="BD10" s="1">
        <v>6.4</v>
      </c>
      <c r="BE10" s="1" t="s">
        <v>885</v>
      </c>
      <c r="BF10" s="1" t="s">
        <v>885</v>
      </c>
      <c r="BG10" s="1">
        <v>2.5999999999999999E-3</v>
      </c>
      <c r="BH10" s="1">
        <v>0.03</v>
      </c>
      <c r="BI10" s="1">
        <v>0.01</v>
      </c>
      <c r="BJ10" s="1"/>
      <c r="BK10" s="1"/>
      <c r="BL10" s="1" t="s">
        <v>889</v>
      </c>
      <c r="BM10" s="1" t="s">
        <v>900</v>
      </c>
      <c r="BN10" s="1">
        <v>0.16</v>
      </c>
      <c r="BO10" s="1">
        <v>60</v>
      </c>
      <c r="BP10" s="1">
        <v>73</v>
      </c>
      <c r="BQ10" s="1"/>
      <c r="BR10" s="1" t="s">
        <v>901</v>
      </c>
      <c r="BS10" s="1" t="s">
        <v>885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6805555555555547</v>
      </c>
      <c r="C11" s="1" t="s">
        <v>855</v>
      </c>
      <c r="D11" s="1" t="s">
        <v>85</v>
      </c>
      <c r="E11" s="1" t="s">
        <v>28</v>
      </c>
      <c r="F11" s="1" t="s">
        <v>630</v>
      </c>
      <c r="G11" s="1" t="s">
        <v>218</v>
      </c>
      <c r="H11" s="1" t="s">
        <v>160</v>
      </c>
      <c r="I11" s="1" t="s">
        <v>387</v>
      </c>
      <c r="J11" s="1" t="s">
        <v>438</v>
      </c>
      <c r="K11" s="1" t="s">
        <v>251</v>
      </c>
      <c r="L11" s="1" t="s">
        <v>34</v>
      </c>
      <c r="N11" s="1" t="s">
        <v>35</v>
      </c>
      <c r="O11" s="1" t="s">
        <v>36</v>
      </c>
      <c r="P11" s="1" t="s">
        <v>439</v>
      </c>
      <c r="Q11" s="1" t="s">
        <v>171</v>
      </c>
      <c r="R11" s="1" t="s">
        <v>151</v>
      </c>
      <c r="S11" s="1" t="s">
        <v>452</v>
      </c>
      <c r="T11" s="1" t="s">
        <v>68</v>
      </c>
      <c r="U11" s="1">
        <v>6.4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61</v>
      </c>
      <c r="BP11" s="1">
        <v>63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7</v>
      </c>
      <c r="B12" s="2">
        <v>0.39583333333333331</v>
      </c>
      <c r="C12" s="1" t="s">
        <v>855</v>
      </c>
      <c r="D12" s="1" t="s">
        <v>27</v>
      </c>
      <c r="E12" s="1" t="s">
        <v>28</v>
      </c>
      <c r="F12" s="1" t="s">
        <v>717</v>
      </c>
      <c r="G12" s="1" t="s">
        <v>718</v>
      </c>
      <c r="H12" s="1" t="s">
        <v>45</v>
      </c>
      <c r="I12" s="1" t="s">
        <v>339</v>
      </c>
      <c r="J12" s="1" t="s">
        <v>438</v>
      </c>
      <c r="K12" s="1" t="s">
        <v>682</v>
      </c>
      <c r="L12" s="1" t="s">
        <v>34</v>
      </c>
      <c r="N12" s="1" t="s">
        <v>35</v>
      </c>
      <c r="O12" s="1" t="s">
        <v>36</v>
      </c>
      <c r="P12" s="1" t="s">
        <v>439</v>
      </c>
      <c r="Q12" s="1" t="s">
        <v>210</v>
      </c>
      <c r="R12" s="1" t="s">
        <v>245</v>
      </c>
      <c r="S12" s="1" t="s">
        <v>157</v>
      </c>
      <c r="T12" s="1" t="s">
        <v>68</v>
      </c>
      <c r="U12" s="1">
        <v>8.1999999999999993</v>
      </c>
      <c r="V12" s="4">
        <v>13000</v>
      </c>
      <c r="W12" s="1"/>
      <c r="X12" s="1">
        <v>8.4</v>
      </c>
      <c r="Y12" s="1">
        <v>0.83</v>
      </c>
      <c r="Z12" s="1">
        <v>2.4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1</v>
      </c>
      <c r="BC12" s="1">
        <v>6.2</v>
      </c>
      <c r="BD12" s="1">
        <v>6.2</v>
      </c>
      <c r="BE12" s="1"/>
      <c r="BF12" s="1"/>
      <c r="BG12" s="1"/>
      <c r="BH12" s="1"/>
      <c r="BI12" s="1"/>
      <c r="BJ12" s="1"/>
      <c r="BK12" s="1"/>
      <c r="BL12" s="1"/>
      <c r="BM12" s="1" t="s">
        <v>900</v>
      </c>
      <c r="BN12" s="1">
        <v>0.66</v>
      </c>
      <c r="BO12" s="1">
        <v>55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6458333333333337</v>
      </c>
      <c r="C13" s="1" t="s">
        <v>855</v>
      </c>
      <c r="D13" s="1" t="s">
        <v>27</v>
      </c>
      <c r="E13" s="1" t="s">
        <v>28</v>
      </c>
      <c r="F13" s="1" t="s">
        <v>365</v>
      </c>
      <c r="G13" s="1" t="s">
        <v>357</v>
      </c>
      <c r="H13" s="1" t="s">
        <v>160</v>
      </c>
      <c r="I13" s="1" t="s">
        <v>251</v>
      </c>
      <c r="J13" s="1" t="s">
        <v>438</v>
      </c>
      <c r="K13" s="1" t="s">
        <v>682</v>
      </c>
      <c r="L13" s="1" t="s">
        <v>34</v>
      </c>
      <c r="N13" s="1" t="s">
        <v>35</v>
      </c>
      <c r="O13" s="1" t="s">
        <v>36</v>
      </c>
      <c r="P13" s="1" t="s">
        <v>439</v>
      </c>
      <c r="Q13" s="1" t="s">
        <v>179</v>
      </c>
      <c r="R13" s="1" t="s">
        <v>245</v>
      </c>
      <c r="S13" s="1" t="s">
        <v>314</v>
      </c>
      <c r="T13" s="1" t="s">
        <v>60</v>
      </c>
      <c r="U13" s="1">
        <v>7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56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52</v>
      </c>
      <c r="B14" s="2">
        <v>0.38194444444444442</v>
      </c>
      <c r="C14" s="1" t="s">
        <v>855</v>
      </c>
      <c r="D14" s="1" t="s">
        <v>85</v>
      </c>
      <c r="E14" s="1" t="s">
        <v>857</v>
      </c>
      <c r="F14" s="1" t="s">
        <v>246</v>
      </c>
      <c r="G14" s="1" t="s">
        <v>588</v>
      </c>
      <c r="H14" s="1" t="s">
        <v>160</v>
      </c>
      <c r="I14" s="1" t="s">
        <v>316</v>
      </c>
      <c r="J14" s="1" t="s">
        <v>438</v>
      </c>
      <c r="K14" s="1" t="s">
        <v>215</v>
      </c>
      <c r="L14" s="1" t="s">
        <v>34</v>
      </c>
      <c r="N14" s="1" t="s">
        <v>35</v>
      </c>
      <c r="O14" s="1" t="s">
        <v>36</v>
      </c>
      <c r="P14" s="1" t="s">
        <v>439</v>
      </c>
      <c r="Q14" s="1" t="s">
        <v>210</v>
      </c>
      <c r="R14" s="1" t="s">
        <v>101</v>
      </c>
      <c r="S14" s="1" t="s">
        <v>323</v>
      </c>
      <c r="T14" s="1" t="s">
        <v>116</v>
      </c>
      <c r="U14" s="1">
        <v>8.6</v>
      </c>
      <c r="V14" s="4">
        <v>4900</v>
      </c>
      <c r="W14" s="1"/>
      <c r="X14" s="1">
        <v>7.6</v>
      </c>
      <c r="Y14" s="1">
        <v>1</v>
      </c>
      <c r="Z14" s="1">
        <v>2.4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6.6</v>
      </c>
      <c r="BD14" s="1">
        <v>6.6</v>
      </c>
      <c r="BE14" s="1"/>
      <c r="BF14" s="1"/>
      <c r="BG14" s="1"/>
      <c r="BH14" s="1"/>
      <c r="BI14" s="1"/>
      <c r="BJ14" s="1"/>
      <c r="BK14" s="1"/>
      <c r="BL14" s="1"/>
      <c r="BM14" s="1">
        <v>0.04</v>
      </c>
      <c r="BN14" s="1">
        <v>0.93</v>
      </c>
      <c r="BO14" s="1">
        <v>54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5416666666666663</v>
      </c>
      <c r="C15" s="1" t="s">
        <v>855</v>
      </c>
      <c r="D15" s="1" t="s">
        <v>164</v>
      </c>
      <c r="E15" s="1" t="s">
        <v>857</v>
      </c>
      <c r="F15" s="1" t="s">
        <v>362</v>
      </c>
      <c r="G15" s="1" t="s">
        <v>719</v>
      </c>
      <c r="H15" s="1" t="s">
        <v>160</v>
      </c>
      <c r="I15" s="1" t="s">
        <v>492</v>
      </c>
      <c r="J15" s="1" t="s">
        <v>438</v>
      </c>
      <c r="K15" s="1" t="s">
        <v>215</v>
      </c>
      <c r="L15" s="1" t="s">
        <v>34</v>
      </c>
      <c r="N15" s="1" t="s">
        <v>35</v>
      </c>
      <c r="O15" s="1" t="s">
        <v>36</v>
      </c>
      <c r="P15" s="1" t="s">
        <v>439</v>
      </c>
      <c r="Q15" s="1" t="s">
        <v>179</v>
      </c>
      <c r="R15" s="1" t="s">
        <v>245</v>
      </c>
      <c r="S15" s="1" t="s">
        <v>313</v>
      </c>
      <c r="T15" s="1" t="s">
        <v>60</v>
      </c>
      <c r="U15" s="1">
        <v>7.1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58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466</v>
      </c>
      <c r="B16" s="2">
        <v>0.40277777777777773</v>
      </c>
      <c r="C16" s="1" t="s">
        <v>855</v>
      </c>
      <c r="D16" s="1" t="s">
        <v>27</v>
      </c>
      <c r="E16" s="1" t="s">
        <v>28</v>
      </c>
      <c r="F16" s="1" t="s">
        <v>52</v>
      </c>
      <c r="G16" s="1" t="s">
        <v>720</v>
      </c>
      <c r="H16" s="1" t="s">
        <v>150</v>
      </c>
      <c r="I16" s="1" t="s">
        <v>56</v>
      </c>
      <c r="J16" s="1" t="s">
        <v>438</v>
      </c>
      <c r="K16" s="1" t="s">
        <v>248</v>
      </c>
      <c r="L16" s="1" t="s">
        <v>34</v>
      </c>
      <c r="N16" s="1" t="s">
        <v>35</v>
      </c>
      <c r="O16" s="1" t="s">
        <v>36</v>
      </c>
      <c r="P16" s="1" t="s">
        <v>439</v>
      </c>
      <c r="Q16" s="1" t="s">
        <v>179</v>
      </c>
      <c r="R16" s="1" t="s">
        <v>245</v>
      </c>
      <c r="S16" s="1" t="s">
        <v>147</v>
      </c>
      <c r="T16" s="1" t="s">
        <v>68</v>
      </c>
      <c r="U16" s="1">
        <v>8.5</v>
      </c>
      <c r="V16" s="4">
        <v>79000</v>
      </c>
      <c r="W16" s="1"/>
      <c r="X16" s="1">
        <v>5.9</v>
      </c>
      <c r="Y16" s="1">
        <v>0.1</v>
      </c>
      <c r="Z16" s="1">
        <v>2.1000000000000001E-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4.7</v>
      </c>
      <c r="BD16" s="1">
        <v>4.7</v>
      </c>
      <c r="BE16" s="1"/>
      <c r="BF16" s="1"/>
      <c r="BG16" s="1"/>
      <c r="BH16" s="1"/>
      <c r="BI16" s="1"/>
      <c r="BJ16" s="1"/>
      <c r="BK16" s="1"/>
      <c r="BL16" s="1"/>
      <c r="BM16" s="1" t="s">
        <v>900</v>
      </c>
      <c r="BN16" s="1">
        <v>9.9000000000000005E-2</v>
      </c>
      <c r="BO16" s="1">
        <v>59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6111111111111116</v>
      </c>
      <c r="C17" s="1" t="s">
        <v>855</v>
      </c>
      <c r="D17" s="1" t="s">
        <v>85</v>
      </c>
      <c r="E17" s="1" t="s">
        <v>28</v>
      </c>
      <c r="F17" s="1" t="s">
        <v>212</v>
      </c>
      <c r="G17" s="1" t="s">
        <v>362</v>
      </c>
      <c r="H17" s="1" t="s">
        <v>150</v>
      </c>
      <c r="I17" s="1" t="s">
        <v>251</v>
      </c>
      <c r="J17" s="1" t="s">
        <v>438</v>
      </c>
      <c r="K17" s="1" t="s">
        <v>682</v>
      </c>
      <c r="L17" s="1" t="s">
        <v>34</v>
      </c>
      <c r="N17" s="1" t="s">
        <v>35</v>
      </c>
      <c r="O17" s="1" t="s">
        <v>36</v>
      </c>
      <c r="P17" s="1" t="s">
        <v>439</v>
      </c>
      <c r="Q17" s="1" t="s">
        <v>179</v>
      </c>
      <c r="R17" s="1" t="s">
        <v>101</v>
      </c>
      <c r="S17" s="1" t="s">
        <v>341</v>
      </c>
      <c r="T17" s="1" t="s">
        <v>60</v>
      </c>
      <c r="U17" s="1">
        <v>6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6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72</v>
      </c>
      <c r="B18" s="2">
        <v>0.40277777777777773</v>
      </c>
      <c r="C18" s="1" t="s">
        <v>855</v>
      </c>
      <c r="D18" s="1" t="s">
        <v>27</v>
      </c>
      <c r="E18" s="1" t="s">
        <v>857</v>
      </c>
      <c r="F18" s="1" t="s">
        <v>167</v>
      </c>
      <c r="G18" s="1" t="s">
        <v>29</v>
      </c>
      <c r="H18" s="1" t="s">
        <v>160</v>
      </c>
      <c r="I18" s="1" t="s">
        <v>384</v>
      </c>
      <c r="J18" s="1" t="s">
        <v>438</v>
      </c>
      <c r="K18" s="1" t="s">
        <v>248</v>
      </c>
      <c r="L18" s="1" t="s">
        <v>34</v>
      </c>
      <c r="N18" s="1" t="s">
        <v>35</v>
      </c>
      <c r="O18" s="1" t="s">
        <v>36</v>
      </c>
      <c r="P18" s="1" t="s">
        <v>439</v>
      </c>
      <c r="Q18" s="1" t="s">
        <v>171</v>
      </c>
      <c r="R18" s="1" t="s">
        <v>101</v>
      </c>
      <c r="S18" s="1" t="s">
        <v>313</v>
      </c>
      <c r="T18" s="1" t="s">
        <v>60</v>
      </c>
      <c r="U18" s="1">
        <v>8.1999999999999993</v>
      </c>
      <c r="V18" s="4">
        <v>7900</v>
      </c>
      <c r="W18" s="1"/>
      <c r="X18" s="1">
        <v>7.9</v>
      </c>
      <c r="Y18" s="1">
        <v>0.97</v>
      </c>
      <c r="Z18" s="1">
        <v>2.5000000000000001E-2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882</v>
      </c>
      <c r="BC18" s="1">
        <v>7.3</v>
      </c>
      <c r="BD18" s="1">
        <v>7.3</v>
      </c>
      <c r="BE18" s="1"/>
      <c r="BF18" s="1"/>
      <c r="BG18" s="1"/>
      <c r="BH18" s="1"/>
      <c r="BI18" s="1"/>
      <c r="BJ18" s="1"/>
      <c r="BK18" s="1"/>
      <c r="BL18" s="1"/>
      <c r="BM18" s="1">
        <v>0.09</v>
      </c>
      <c r="BN18" s="1">
        <v>0.85</v>
      </c>
      <c r="BO18" s="1">
        <v>55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6111111111111116</v>
      </c>
      <c r="C19" s="1" t="s">
        <v>855</v>
      </c>
      <c r="D19" s="1" t="s">
        <v>85</v>
      </c>
      <c r="E19" s="1" t="s">
        <v>857</v>
      </c>
      <c r="F19" s="1" t="s">
        <v>175</v>
      </c>
      <c r="G19" s="1" t="s">
        <v>643</v>
      </c>
      <c r="H19" s="1" t="s">
        <v>160</v>
      </c>
      <c r="I19" s="1" t="s">
        <v>492</v>
      </c>
      <c r="J19" s="1" t="s">
        <v>438</v>
      </c>
      <c r="K19" s="1" t="s">
        <v>251</v>
      </c>
      <c r="L19" s="1" t="s">
        <v>34</v>
      </c>
      <c r="N19" s="1" t="s">
        <v>35</v>
      </c>
      <c r="O19" s="1" t="s">
        <v>36</v>
      </c>
      <c r="P19" s="1" t="s">
        <v>439</v>
      </c>
      <c r="Q19" s="1" t="s">
        <v>179</v>
      </c>
      <c r="R19" s="1" t="s">
        <v>101</v>
      </c>
      <c r="S19" s="1" t="s">
        <v>287</v>
      </c>
      <c r="T19" s="1" t="s">
        <v>41</v>
      </c>
      <c r="U19" s="1">
        <v>7.4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59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37</v>
      </c>
      <c r="B20" s="2">
        <v>0.3888888888888889</v>
      </c>
      <c r="C20" s="1" t="s">
        <v>855</v>
      </c>
      <c r="D20" s="1" t="s">
        <v>85</v>
      </c>
      <c r="E20" s="1" t="s">
        <v>474</v>
      </c>
      <c r="F20" s="1" t="s">
        <v>43</v>
      </c>
      <c r="G20" s="1" t="s">
        <v>249</v>
      </c>
      <c r="H20" s="1" t="s">
        <v>45</v>
      </c>
      <c r="I20" s="1" t="s">
        <v>339</v>
      </c>
      <c r="J20" s="1" t="s">
        <v>438</v>
      </c>
      <c r="K20" s="1" t="s">
        <v>204</v>
      </c>
      <c r="L20" s="1" t="s">
        <v>34</v>
      </c>
      <c r="N20" s="1" t="s">
        <v>35</v>
      </c>
      <c r="O20" s="1" t="s">
        <v>36</v>
      </c>
      <c r="P20" s="1" t="s">
        <v>439</v>
      </c>
      <c r="Q20" s="1" t="s">
        <v>186</v>
      </c>
      <c r="R20" s="1" t="s">
        <v>172</v>
      </c>
      <c r="S20" s="1" t="s">
        <v>408</v>
      </c>
      <c r="T20" s="1" t="s">
        <v>286</v>
      </c>
      <c r="U20" s="1">
        <v>8.6</v>
      </c>
      <c r="V20" s="4">
        <v>33000</v>
      </c>
      <c r="W20" s="1"/>
      <c r="X20" s="1">
        <v>8.1</v>
      </c>
      <c r="Y20" s="1">
        <v>0.62</v>
      </c>
      <c r="Z20" s="1">
        <v>0.0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1</v>
      </c>
      <c r="BC20" s="1">
        <v>7.6</v>
      </c>
      <c r="BD20" s="1">
        <v>7.6</v>
      </c>
      <c r="BE20" s="1"/>
      <c r="BF20" s="1"/>
      <c r="BG20" s="1"/>
      <c r="BH20" s="1"/>
      <c r="BI20" s="1"/>
      <c r="BJ20" s="1"/>
      <c r="BK20" s="1"/>
      <c r="BL20" s="1"/>
      <c r="BM20" s="1" t="s">
        <v>900</v>
      </c>
      <c r="BN20" s="1">
        <v>0.56999999999999995</v>
      </c>
      <c r="BO20" s="1">
        <v>5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6111111111111116</v>
      </c>
      <c r="C21" s="1" t="s">
        <v>855</v>
      </c>
      <c r="D21" s="1" t="s">
        <v>85</v>
      </c>
      <c r="E21" s="1" t="s">
        <v>474</v>
      </c>
      <c r="F21" s="1" t="s">
        <v>125</v>
      </c>
      <c r="G21" s="1" t="s">
        <v>392</v>
      </c>
      <c r="H21" s="1" t="s">
        <v>119</v>
      </c>
      <c r="I21" s="1" t="s">
        <v>352</v>
      </c>
      <c r="J21" s="1" t="s">
        <v>438</v>
      </c>
      <c r="K21" s="1" t="s">
        <v>520</v>
      </c>
      <c r="L21" s="1" t="s">
        <v>34</v>
      </c>
      <c r="N21" s="1" t="s">
        <v>35</v>
      </c>
      <c r="O21" s="1" t="s">
        <v>36</v>
      </c>
      <c r="P21" s="1" t="s">
        <v>439</v>
      </c>
      <c r="Q21" s="1" t="s">
        <v>145</v>
      </c>
      <c r="R21" s="1" t="s">
        <v>172</v>
      </c>
      <c r="S21" s="1" t="s">
        <v>361</v>
      </c>
      <c r="T21" s="1" t="s">
        <v>68</v>
      </c>
      <c r="U21" s="1">
        <v>7.8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52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44</v>
      </c>
      <c r="B22" s="2">
        <v>0.40972222222222227</v>
      </c>
      <c r="C22" s="1" t="s">
        <v>855</v>
      </c>
      <c r="D22" s="1" t="s">
        <v>27</v>
      </c>
      <c r="E22" s="1" t="s">
        <v>28</v>
      </c>
      <c r="F22" s="1" t="s">
        <v>288</v>
      </c>
      <c r="G22" s="1" t="s">
        <v>117</v>
      </c>
      <c r="H22" s="1" t="s">
        <v>160</v>
      </c>
      <c r="I22" s="1" t="s">
        <v>468</v>
      </c>
      <c r="J22" s="1" t="s">
        <v>438</v>
      </c>
      <c r="K22" s="1" t="s">
        <v>204</v>
      </c>
      <c r="L22" s="1" t="s">
        <v>34</v>
      </c>
      <c r="N22" s="1" t="s">
        <v>35</v>
      </c>
      <c r="O22" s="1" t="s">
        <v>36</v>
      </c>
      <c r="P22" s="1" t="s">
        <v>439</v>
      </c>
      <c r="Q22" s="1" t="s">
        <v>171</v>
      </c>
      <c r="R22" s="1" t="s">
        <v>39</v>
      </c>
      <c r="S22" s="1" t="s">
        <v>210</v>
      </c>
      <c r="T22" s="1" t="s">
        <v>116</v>
      </c>
      <c r="U22" s="1">
        <v>9.1999999999999993</v>
      </c>
      <c r="V22" s="4">
        <v>3300</v>
      </c>
      <c r="W22" s="1" t="s">
        <v>887</v>
      </c>
      <c r="X22" s="1">
        <v>9.6999999999999993</v>
      </c>
      <c r="Y22" s="1">
        <v>0.75</v>
      </c>
      <c r="Z22" s="1">
        <v>2.9000000000000001E-2</v>
      </c>
      <c r="AA22" s="1"/>
      <c r="AB22" s="1"/>
      <c r="AC22" s="1" t="s">
        <v>881</v>
      </c>
      <c r="AD22" s="1" t="s">
        <v>882</v>
      </c>
      <c r="AE22" s="1">
        <v>8.9999999999999998E-4</v>
      </c>
      <c r="AF22" s="1" t="s">
        <v>884</v>
      </c>
      <c r="AG22" s="1" t="s">
        <v>885</v>
      </c>
      <c r="AH22" s="1" t="s">
        <v>883</v>
      </c>
      <c r="AI22" s="1"/>
      <c r="AJ22" s="1"/>
      <c r="AK22" s="1" t="s">
        <v>886</v>
      </c>
      <c r="AL22" s="1" t="s">
        <v>886</v>
      </c>
      <c r="AM22" s="1" t="s">
        <v>886</v>
      </c>
      <c r="AN22" s="1" t="s">
        <v>886</v>
      </c>
      <c r="AO22" s="1" t="s">
        <v>886</v>
      </c>
      <c r="AP22" t="s">
        <v>886</v>
      </c>
      <c r="AQ22" s="1" t="s">
        <v>886</v>
      </c>
      <c r="AR22" s="1" t="s">
        <v>886</v>
      </c>
      <c r="AS22" s="1" t="s">
        <v>886</v>
      </c>
      <c r="AT22" s="1" t="s">
        <v>888</v>
      </c>
      <c r="AU22" s="1" t="s">
        <v>883</v>
      </c>
      <c r="AV22" s="1" t="s">
        <v>881</v>
      </c>
      <c r="AW22" s="1" t="s">
        <v>881</v>
      </c>
      <c r="AX22" s="1" t="s">
        <v>886</v>
      </c>
      <c r="AY22" s="1" t="s">
        <v>894</v>
      </c>
      <c r="AZ22" s="1" t="s">
        <v>893</v>
      </c>
      <c r="BA22" s="1">
        <v>0.05</v>
      </c>
      <c r="BB22" s="1">
        <v>0.02</v>
      </c>
      <c r="BC22" s="1">
        <v>8.8000000000000007</v>
      </c>
      <c r="BD22" s="1">
        <v>8.8000000000000007</v>
      </c>
      <c r="BE22" s="1" t="s">
        <v>885</v>
      </c>
      <c r="BF22" s="1" t="s">
        <v>885</v>
      </c>
      <c r="BG22" s="1">
        <v>4.4000000000000003E-3</v>
      </c>
      <c r="BH22" s="1">
        <v>0.03</v>
      </c>
      <c r="BI22" s="1">
        <v>0.01</v>
      </c>
      <c r="BJ22" s="1"/>
      <c r="BK22" s="1"/>
      <c r="BL22" s="1">
        <v>1E-3</v>
      </c>
      <c r="BM22" s="1" t="s">
        <v>900</v>
      </c>
      <c r="BN22" s="1">
        <v>0.73</v>
      </c>
      <c r="BO22" s="1">
        <v>51</v>
      </c>
      <c r="BP22" s="1">
        <v>45</v>
      </c>
      <c r="BQ22" s="1"/>
      <c r="BR22" s="1" t="s">
        <v>901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8194444444444453</v>
      </c>
      <c r="C23" s="1" t="s">
        <v>855</v>
      </c>
      <c r="D23" s="1" t="s">
        <v>27</v>
      </c>
      <c r="E23" s="1" t="s">
        <v>28</v>
      </c>
      <c r="F23" s="1" t="s">
        <v>146</v>
      </c>
      <c r="G23" s="1" t="s">
        <v>721</v>
      </c>
      <c r="H23" s="1" t="s">
        <v>45</v>
      </c>
      <c r="I23" s="1" t="s">
        <v>352</v>
      </c>
      <c r="J23" s="1" t="s">
        <v>438</v>
      </c>
      <c r="K23" s="1" t="s">
        <v>204</v>
      </c>
      <c r="L23" s="1" t="s">
        <v>34</v>
      </c>
      <c r="N23" s="1" t="s">
        <v>35</v>
      </c>
      <c r="O23" s="1" t="s">
        <v>36</v>
      </c>
      <c r="P23" s="1" t="s">
        <v>439</v>
      </c>
      <c r="Q23" s="1" t="s">
        <v>145</v>
      </c>
      <c r="R23" s="1" t="s">
        <v>162</v>
      </c>
      <c r="S23" s="1" t="s">
        <v>394</v>
      </c>
      <c r="T23" s="1" t="s">
        <v>60</v>
      </c>
      <c r="U23" s="1">
        <v>8.9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53</v>
      </c>
      <c r="BP23" s="1">
        <v>45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95</v>
      </c>
      <c r="B24" s="2">
        <v>0.39583333333333331</v>
      </c>
      <c r="C24" s="1" t="s">
        <v>855</v>
      </c>
      <c r="D24" s="1" t="s">
        <v>85</v>
      </c>
      <c r="E24" s="1" t="s">
        <v>857</v>
      </c>
      <c r="F24" s="1" t="s">
        <v>584</v>
      </c>
      <c r="G24" s="1" t="s">
        <v>710</v>
      </c>
      <c r="H24" s="1" t="s">
        <v>160</v>
      </c>
      <c r="I24" s="1" t="s">
        <v>339</v>
      </c>
      <c r="J24" s="1" t="s">
        <v>438</v>
      </c>
      <c r="K24" s="1" t="s">
        <v>520</v>
      </c>
      <c r="L24" s="1" t="s">
        <v>34</v>
      </c>
      <c r="N24" s="1" t="s">
        <v>35</v>
      </c>
      <c r="O24" s="1" t="s">
        <v>36</v>
      </c>
      <c r="P24" s="1" t="s">
        <v>439</v>
      </c>
      <c r="Q24" s="1" t="s">
        <v>186</v>
      </c>
      <c r="R24" s="1" t="s">
        <v>151</v>
      </c>
      <c r="S24" s="1" t="s">
        <v>394</v>
      </c>
      <c r="T24" s="1" t="s">
        <v>41</v>
      </c>
      <c r="U24" s="1">
        <v>9.6</v>
      </c>
      <c r="V24" s="4">
        <v>13000</v>
      </c>
      <c r="W24" s="1"/>
      <c r="X24" s="1">
        <v>10</v>
      </c>
      <c r="Y24" s="1">
        <v>1.2</v>
      </c>
      <c r="Z24" s="1">
        <v>2.9000000000000001E-2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03</v>
      </c>
      <c r="BC24" s="1">
        <v>8.9</v>
      </c>
      <c r="BD24" s="1">
        <v>8.9</v>
      </c>
      <c r="BE24" s="1"/>
      <c r="BF24" s="1"/>
      <c r="BG24" s="1"/>
      <c r="BH24" s="1"/>
      <c r="BI24" s="1"/>
      <c r="BJ24" s="1"/>
      <c r="BK24" s="1"/>
      <c r="BL24" s="1"/>
      <c r="BM24" s="1">
        <v>0.06</v>
      </c>
      <c r="BN24" s="1">
        <v>1.1000000000000001</v>
      </c>
      <c r="BO24" s="1">
        <v>55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6111111111111116</v>
      </c>
      <c r="C25" s="1" t="s">
        <v>855</v>
      </c>
      <c r="D25" s="1" t="s">
        <v>85</v>
      </c>
      <c r="E25" s="1" t="s">
        <v>857</v>
      </c>
      <c r="F25" s="1" t="s">
        <v>452</v>
      </c>
      <c r="G25" s="1" t="s">
        <v>166</v>
      </c>
      <c r="H25" s="1" t="s">
        <v>45</v>
      </c>
      <c r="I25" s="1" t="s">
        <v>178</v>
      </c>
      <c r="J25" s="1" t="s">
        <v>438</v>
      </c>
      <c r="K25" s="1" t="s">
        <v>56</v>
      </c>
      <c r="L25" s="1" t="s">
        <v>34</v>
      </c>
      <c r="N25" s="1" t="s">
        <v>35</v>
      </c>
      <c r="O25" s="1" t="s">
        <v>36</v>
      </c>
      <c r="P25" s="1" t="s">
        <v>439</v>
      </c>
      <c r="Q25" s="1" t="s">
        <v>145</v>
      </c>
      <c r="R25" s="1" t="s">
        <v>39</v>
      </c>
      <c r="S25" s="1" t="s">
        <v>288</v>
      </c>
      <c r="T25" s="1" t="s">
        <v>286</v>
      </c>
      <c r="U25" s="1">
        <v>8.5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58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8</v>
      </c>
      <c r="B26" s="2">
        <v>0.3888888888888889</v>
      </c>
      <c r="C26" s="1" t="s">
        <v>855</v>
      </c>
      <c r="D26" s="1" t="s">
        <v>85</v>
      </c>
      <c r="E26" s="1" t="s">
        <v>857</v>
      </c>
      <c r="F26" s="1" t="s">
        <v>153</v>
      </c>
      <c r="G26" s="1" t="s">
        <v>188</v>
      </c>
      <c r="H26" s="1" t="s">
        <v>150</v>
      </c>
      <c r="I26" s="1" t="s">
        <v>441</v>
      </c>
      <c r="J26" s="1" t="s">
        <v>438</v>
      </c>
      <c r="K26" s="1" t="s">
        <v>520</v>
      </c>
      <c r="L26" s="1" t="s">
        <v>34</v>
      </c>
      <c r="N26" s="1" t="s">
        <v>35</v>
      </c>
      <c r="O26" s="1" t="s">
        <v>36</v>
      </c>
      <c r="P26" s="1" t="s">
        <v>439</v>
      </c>
      <c r="Q26" s="1" t="s">
        <v>179</v>
      </c>
      <c r="R26" s="1" t="s">
        <v>49</v>
      </c>
      <c r="S26" s="1" t="s">
        <v>157</v>
      </c>
      <c r="T26" s="1" t="s">
        <v>60</v>
      </c>
      <c r="U26" s="1">
        <v>9</v>
      </c>
      <c r="V26" s="4">
        <v>33000</v>
      </c>
      <c r="W26" s="1"/>
      <c r="X26" s="1">
        <v>7.2</v>
      </c>
      <c r="Y26" s="1">
        <v>1</v>
      </c>
      <c r="Z26" s="1">
        <v>2.4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8</v>
      </c>
      <c r="BC26" s="1">
        <v>6.9</v>
      </c>
      <c r="BD26" s="1">
        <v>6.9</v>
      </c>
      <c r="BE26" s="1"/>
      <c r="BF26" s="1"/>
      <c r="BG26" s="1"/>
      <c r="BH26" s="1"/>
      <c r="BI26" s="1"/>
      <c r="BJ26" s="1"/>
      <c r="BK26" s="1"/>
      <c r="BL26" s="1"/>
      <c r="BM26" s="1">
        <v>7.0000000000000007E-2</v>
      </c>
      <c r="BN26" s="1">
        <v>1</v>
      </c>
      <c r="BO26" s="1">
        <v>52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6111111111111116</v>
      </c>
      <c r="C27" s="1" t="s">
        <v>855</v>
      </c>
      <c r="D27" s="1" t="s">
        <v>665</v>
      </c>
      <c r="E27" s="1" t="s">
        <v>857</v>
      </c>
      <c r="F27" s="1" t="s">
        <v>130</v>
      </c>
      <c r="G27" s="1" t="s">
        <v>125</v>
      </c>
      <c r="H27" s="1" t="s">
        <v>45</v>
      </c>
      <c r="I27" s="1" t="s">
        <v>495</v>
      </c>
      <c r="J27" s="1" t="s">
        <v>438</v>
      </c>
      <c r="K27" s="1" t="s">
        <v>204</v>
      </c>
      <c r="L27" s="1" t="s">
        <v>34</v>
      </c>
      <c r="N27" s="1" t="s">
        <v>35</v>
      </c>
      <c r="O27" s="1" t="s">
        <v>36</v>
      </c>
      <c r="P27" s="1" t="s">
        <v>439</v>
      </c>
      <c r="Q27" s="1" t="s">
        <v>186</v>
      </c>
      <c r="R27" s="1" t="s">
        <v>115</v>
      </c>
      <c r="S27" s="1" t="s">
        <v>452</v>
      </c>
      <c r="T27" s="1" t="s">
        <v>41</v>
      </c>
      <c r="U27" s="1">
        <v>8.4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56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</sheetData>
  <phoneticPr fontId="18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3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3</v>
      </c>
      <c r="C1" s="1" t="s">
        <v>1</v>
      </c>
      <c r="D1" s="1" t="s">
        <v>874</v>
      </c>
      <c r="E1" s="1" t="s">
        <v>2</v>
      </c>
      <c r="F1" s="1" t="s">
        <v>866</v>
      </c>
      <c r="G1" s="1" t="s">
        <v>3</v>
      </c>
      <c r="H1" s="1" t="s">
        <v>85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3</v>
      </c>
      <c r="AB2" s="1" t="s">
        <v>919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10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236111111111111</v>
      </c>
      <c r="C4" s="1" t="s">
        <v>855</v>
      </c>
      <c r="D4" s="1" t="s">
        <v>85</v>
      </c>
      <c r="E4" s="1" t="s">
        <v>28</v>
      </c>
      <c r="F4" s="1" t="s">
        <v>117</v>
      </c>
      <c r="G4" s="1" t="s">
        <v>722</v>
      </c>
      <c r="H4" s="1" t="s">
        <v>208</v>
      </c>
      <c r="I4" s="1" t="s">
        <v>209</v>
      </c>
      <c r="J4" s="1" t="s">
        <v>79</v>
      </c>
      <c r="K4" s="1" t="s">
        <v>132</v>
      </c>
      <c r="L4" s="1" t="s">
        <v>34</v>
      </c>
      <c r="N4" s="1" t="s">
        <v>35</v>
      </c>
      <c r="O4" s="1" t="s">
        <v>57</v>
      </c>
      <c r="P4" s="1" t="s">
        <v>37</v>
      </c>
      <c r="Q4" s="1" t="s">
        <v>140</v>
      </c>
      <c r="R4" s="1" t="s">
        <v>172</v>
      </c>
      <c r="S4" s="1" t="s">
        <v>180</v>
      </c>
      <c r="T4" s="1" t="s">
        <v>286</v>
      </c>
      <c r="U4" s="1">
        <v>12.5</v>
      </c>
      <c r="V4" s="4">
        <v>4900</v>
      </c>
      <c r="W4" s="1"/>
      <c r="X4" s="1">
        <v>4.5999999999999996</v>
      </c>
      <c r="Y4" s="1">
        <v>0.02</v>
      </c>
      <c r="Z4" s="1">
        <v>1E-3</v>
      </c>
      <c r="AA4" s="1"/>
      <c r="AB4" s="1"/>
      <c r="AC4" s="1" t="s">
        <v>881</v>
      </c>
      <c r="AD4" s="1" t="s">
        <v>882</v>
      </c>
      <c r="AE4" s="1" t="s">
        <v>885</v>
      </c>
      <c r="AF4" s="1" t="s">
        <v>884</v>
      </c>
      <c r="AG4" s="1" t="s">
        <v>885</v>
      </c>
      <c r="AH4" s="1" t="s">
        <v>883</v>
      </c>
      <c r="AI4" s="1"/>
      <c r="AJ4" s="1"/>
      <c r="AK4" s="1"/>
      <c r="AL4" s="1" t="s">
        <v>888</v>
      </c>
      <c r="AM4" s="1"/>
      <c r="AN4" s="1"/>
      <c r="AO4" s="1"/>
      <c r="AP4" t="s">
        <v>888</v>
      </c>
      <c r="AQ4" s="1"/>
      <c r="AR4" s="1">
        <v>5.0000000000000001E-4</v>
      </c>
      <c r="AS4" s="1">
        <v>1.2999999999999999E-3</v>
      </c>
      <c r="AT4" s="1"/>
      <c r="AU4" s="1"/>
      <c r="AV4" s="1"/>
      <c r="AW4" s="1"/>
      <c r="AX4" s="1"/>
      <c r="AY4" s="1"/>
      <c r="AZ4" s="1" t="s">
        <v>893</v>
      </c>
      <c r="BA4" s="1" t="s">
        <v>884</v>
      </c>
      <c r="BB4" s="1" t="s">
        <v>895</v>
      </c>
      <c r="BC4" s="1">
        <v>4.0999999999999996</v>
      </c>
      <c r="BD4" s="1">
        <v>4.0999999999999996</v>
      </c>
      <c r="BE4" s="1"/>
      <c r="BF4" s="1" t="s">
        <v>885</v>
      </c>
      <c r="BG4" s="1" t="s">
        <v>885</v>
      </c>
      <c r="BH4" s="1" t="s">
        <v>884</v>
      </c>
      <c r="BI4" s="1" t="s">
        <v>882</v>
      </c>
      <c r="BJ4" s="1"/>
      <c r="BK4" s="1"/>
      <c r="BL4" s="1"/>
      <c r="BM4" s="1" t="s">
        <v>900</v>
      </c>
      <c r="BN4" s="1">
        <v>6.0000000000000001E-3</v>
      </c>
      <c r="BO4" s="1">
        <v>26</v>
      </c>
      <c r="BP4" s="1">
        <v>10</v>
      </c>
      <c r="BQ4" s="1"/>
      <c r="BR4" s="1" t="s">
        <v>90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7013888888888884</v>
      </c>
      <c r="C5" s="1" t="s">
        <v>855</v>
      </c>
      <c r="D5" s="1" t="s">
        <v>85</v>
      </c>
      <c r="E5" s="1" t="s">
        <v>28</v>
      </c>
      <c r="F5" s="1" t="s">
        <v>43</v>
      </c>
      <c r="G5" s="1" t="s">
        <v>635</v>
      </c>
      <c r="H5" s="1" t="s">
        <v>219</v>
      </c>
      <c r="I5" s="1" t="s">
        <v>492</v>
      </c>
      <c r="J5" s="1" t="s">
        <v>79</v>
      </c>
      <c r="K5" s="1" t="s">
        <v>132</v>
      </c>
      <c r="L5" s="1" t="s">
        <v>34</v>
      </c>
      <c r="N5" s="1" t="s">
        <v>35</v>
      </c>
      <c r="O5" s="1" t="s">
        <v>57</v>
      </c>
      <c r="P5" s="1" t="s">
        <v>37</v>
      </c>
      <c r="Q5" s="1" t="s">
        <v>210</v>
      </c>
      <c r="R5" s="1" t="s">
        <v>245</v>
      </c>
      <c r="S5" s="1" t="s">
        <v>90</v>
      </c>
      <c r="T5" s="1" t="s">
        <v>41</v>
      </c>
      <c r="U5" s="1">
        <v>10.199999999999999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6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2013888888888884</v>
      </c>
      <c r="C6" s="1" t="s">
        <v>855</v>
      </c>
      <c r="D6" s="1" t="s">
        <v>85</v>
      </c>
      <c r="E6" s="1" t="s">
        <v>28</v>
      </c>
      <c r="F6" s="1" t="s">
        <v>43</v>
      </c>
      <c r="G6" s="1" t="s">
        <v>471</v>
      </c>
      <c r="H6" s="1" t="s">
        <v>225</v>
      </c>
      <c r="I6" s="1" t="s">
        <v>326</v>
      </c>
      <c r="J6" s="1" t="s">
        <v>79</v>
      </c>
      <c r="K6" s="1" t="s">
        <v>132</v>
      </c>
      <c r="L6" s="1" t="s">
        <v>34</v>
      </c>
      <c r="N6" s="1" t="s">
        <v>35</v>
      </c>
      <c r="O6" s="1" t="s">
        <v>57</v>
      </c>
      <c r="P6" s="1" t="s">
        <v>37</v>
      </c>
      <c r="Q6" s="1" t="s">
        <v>191</v>
      </c>
      <c r="R6" s="1" t="s">
        <v>192</v>
      </c>
      <c r="S6" s="1" t="s">
        <v>49</v>
      </c>
      <c r="T6" s="1" t="s">
        <v>41</v>
      </c>
      <c r="U6" s="1">
        <v>7.8</v>
      </c>
      <c r="V6" s="1"/>
      <c r="W6" s="1"/>
      <c r="X6" s="1">
        <v>4.5</v>
      </c>
      <c r="Y6" s="1">
        <v>1.2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>
        <v>5.0000000000000001E-4</v>
      </c>
      <c r="AS6" s="1">
        <v>1.1999999999999999E-3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27</v>
      </c>
      <c r="BP6" s="1">
        <v>11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87</v>
      </c>
      <c r="B7" s="2">
        <v>0.16666666666666666</v>
      </c>
      <c r="C7" s="1" t="s">
        <v>855</v>
      </c>
      <c r="D7" s="1" t="s">
        <v>85</v>
      </c>
      <c r="E7" s="1" t="s">
        <v>28</v>
      </c>
      <c r="F7" s="1" t="s">
        <v>125</v>
      </c>
      <c r="G7" s="1" t="s">
        <v>471</v>
      </c>
      <c r="H7" s="1" t="s">
        <v>225</v>
      </c>
      <c r="I7" s="1" t="s">
        <v>326</v>
      </c>
      <c r="J7" s="1" t="s">
        <v>79</v>
      </c>
      <c r="K7" s="1" t="s">
        <v>65</v>
      </c>
      <c r="L7" s="1" t="s">
        <v>360</v>
      </c>
      <c r="N7" s="1" t="s">
        <v>35</v>
      </c>
      <c r="O7" s="1" t="s">
        <v>57</v>
      </c>
      <c r="P7" s="1" t="s">
        <v>439</v>
      </c>
      <c r="Q7" s="1" t="s">
        <v>191</v>
      </c>
      <c r="R7" s="1" t="s">
        <v>245</v>
      </c>
      <c r="S7" s="1" t="s">
        <v>39</v>
      </c>
      <c r="T7" s="1" t="s">
        <v>286</v>
      </c>
      <c r="U7" s="1">
        <v>7.9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6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193</v>
      </c>
      <c r="B8" s="2">
        <v>0.4201388888888889</v>
      </c>
      <c r="C8" s="1" t="s">
        <v>855</v>
      </c>
      <c r="D8" s="1" t="s">
        <v>27</v>
      </c>
      <c r="E8" s="1" t="s">
        <v>28</v>
      </c>
      <c r="F8" s="1" t="s">
        <v>242</v>
      </c>
      <c r="G8" s="1" t="s">
        <v>380</v>
      </c>
      <c r="H8" s="1" t="s">
        <v>169</v>
      </c>
      <c r="I8" s="1" t="s">
        <v>251</v>
      </c>
      <c r="J8" s="1" t="s">
        <v>79</v>
      </c>
      <c r="K8" s="1" t="s">
        <v>33</v>
      </c>
      <c r="L8" s="1" t="s">
        <v>34</v>
      </c>
      <c r="N8" s="1" t="s">
        <v>35</v>
      </c>
      <c r="O8" s="1" t="s">
        <v>57</v>
      </c>
      <c r="P8" s="1" t="s">
        <v>37</v>
      </c>
      <c r="Q8" s="1" t="s">
        <v>210</v>
      </c>
      <c r="R8" s="1" t="s">
        <v>245</v>
      </c>
      <c r="S8" s="1" t="s">
        <v>39</v>
      </c>
      <c r="T8" s="1" t="s">
        <v>60</v>
      </c>
      <c r="U8" s="1">
        <v>11.4</v>
      </c>
      <c r="V8" s="4">
        <v>7900</v>
      </c>
      <c r="W8" s="1"/>
      <c r="X8" s="1">
        <v>4.3</v>
      </c>
      <c r="Y8" s="1">
        <v>2.9000000000000001E-2</v>
      </c>
      <c r="Z8" s="1">
        <v>2E-3</v>
      </c>
      <c r="AA8" s="1"/>
      <c r="AB8" s="1"/>
      <c r="AC8" s="1" t="s">
        <v>881</v>
      </c>
      <c r="AD8" s="1" t="s">
        <v>882</v>
      </c>
      <c r="AE8" s="1" t="s">
        <v>885</v>
      </c>
      <c r="AF8" s="1" t="s">
        <v>884</v>
      </c>
      <c r="AG8" s="1" t="s">
        <v>885</v>
      </c>
      <c r="AH8" s="1" t="s">
        <v>883</v>
      </c>
      <c r="AI8" s="1"/>
      <c r="AJ8" s="1"/>
      <c r="AK8" s="1"/>
      <c r="AL8" s="1" t="s">
        <v>888</v>
      </c>
      <c r="AM8" s="1"/>
      <c r="AN8" s="1"/>
      <c r="AO8" s="1"/>
      <c r="AP8" t="s">
        <v>888</v>
      </c>
      <c r="AQ8" s="1"/>
      <c r="AR8" s="1">
        <v>5.0000000000000001E-4</v>
      </c>
      <c r="AS8" s="1">
        <v>1.5E-3</v>
      </c>
      <c r="AT8" s="1"/>
      <c r="AU8" s="1"/>
      <c r="AV8" s="1"/>
      <c r="AW8" s="1"/>
      <c r="AX8" s="1"/>
      <c r="AY8" s="1"/>
      <c r="AZ8" s="1"/>
      <c r="BA8" s="1"/>
      <c r="BB8" s="1" t="s">
        <v>895</v>
      </c>
      <c r="BC8" s="1">
        <v>4.0999999999999996</v>
      </c>
      <c r="BD8" s="1">
        <v>4.0999999999999996</v>
      </c>
      <c r="BE8" s="1"/>
      <c r="BF8" s="1"/>
      <c r="BG8" s="1"/>
      <c r="BH8" s="1"/>
      <c r="BI8" s="1"/>
      <c r="BJ8" s="1"/>
      <c r="BK8" s="1"/>
      <c r="BL8" s="1"/>
      <c r="BM8" s="1" t="s">
        <v>900</v>
      </c>
      <c r="BN8" s="1">
        <v>2.1000000000000001E-2</v>
      </c>
      <c r="BO8" s="1">
        <v>26</v>
      </c>
      <c r="BP8" s="1">
        <v>9.8000000000000007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6666666666666663</v>
      </c>
      <c r="C9" s="1" t="s">
        <v>855</v>
      </c>
      <c r="D9" s="1" t="s">
        <v>27</v>
      </c>
      <c r="E9" s="1" t="s">
        <v>28</v>
      </c>
      <c r="F9" s="1" t="s">
        <v>514</v>
      </c>
      <c r="G9" s="1" t="s">
        <v>53</v>
      </c>
      <c r="H9" s="1" t="s">
        <v>234</v>
      </c>
      <c r="I9" s="1" t="s">
        <v>251</v>
      </c>
      <c r="J9" s="1" t="s">
        <v>79</v>
      </c>
      <c r="K9" s="1" t="s">
        <v>33</v>
      </c>
      <c r="L9" s="1" t="s">
        <v>34</v>
      </c>
      <c r="N9" s="1" t="s">
        <v>35</v>
      </c>
      <c r="O9" s="1" t="s">
        <v>57</v>
      </c>
      <c r="P9" s="1" t="s">
        <v>37</v>
      </c>
      <c r="Q9" s="1" t="s">
        <v>81</v>
      </c>
      <c r="R9" s="1" t="s">
        <v>255</v>
      </c>
      <c r="S9" s="1" t="s">
        <v>66</v>
      </c>
      <c r="T9" s="1" t="s">
        <v>60</v>
      </c>
      <c r="U9" s="1">
        <v>10.9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6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1666666666666663</v>
      </c>
      <c r="C10" s="1" t="s">
        <v>855</v>
      </c>
      <c r="D10" s="1" t="s">
        <v>27</v>
      </c>
      <c r="E10" s="1" t="s">
        <v>28</v>
      </c>
      <c r="F10" s="1" t="s">
        <v>401</v>
      </c>
      <c r="G10" s="1" t="s">
        <v>167</v>
      </c>
      <c r="H10" s="1" t="s">
        <v>169</v>
      </c>
      <c r="I10" s="1" t="s">
        <v>215</v>
      </c>
      <c r="J10" s="1" t="s">
        <v>79</v>
      </c>
      <c r="K10" s="1" t="s">
        <v>258</v>
      </c>
      <c r="L10" s="1" t="s">
        <v>34</v>
      </c>
      <c r="N10" s="1" t="s">
        <v>35</v>
      </c>
      <c r="O10" s="1" t="s">
        <v>57</v>
      </c>
      <c r="P10" s="1" t="s">
        <v>37</v>
      </c>
      <c r="Q10" s="1" t="s">
        <v>186</v>
      </c>
      <c r="R10" s="1" t="s">
        <v>198</v>
      </c>
      <c r="S10" s="1" t="s">
        <v>104</v>
      </c>
      <c r="T10" s="1" t="s">
        <v>116</v>
      </c>
      <c r="U10" s="1">
        <v>7.7</v>
      </c>
      <c r="V10" s="1"/>
      <c r="W10" s="1"/>
      <c r="X10" s="1">
        <v>4.5</v>
      </c>
      <c r="Y10" s="1">
        <v>2.4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>
        <v>4.0000000000000002E-4</v>
      </c>
      <c r="AS10" s="1">
        <v>1.2999999999999999E-3</v>
      </c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27</v>
      </c>
      <c r="BP10" s="1">
        <v>1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1</v>
      </c>
      <c r="B11" s="2">
        <v>0.16666666666666666</v>
      </c>
      <c r="C11" s="1" t="s">
        <v>855</v>
      </c>
      <c r="D11" s="1" t="s">
        <v>85</v>
      </c>
      <c r="E11" s="1" t="s">
        <v>28</v>
      </c>
      <c r="F11" s="1" t="s">
        <v>250</v>
      </c>
      <c r="G11" s="1" t="s">
        <v>43</v>
      </c>
      <c r="H11" s="1" t="s">
        <v>225</v>
      </c>
      <c r="I11" s="1" t="s">
        <v>527</v>
      </c>
      <c r="J11" s="1" t="s">
        <v>79</v>
      </c>
      <c r="K11" s="1" t="s">
        <v>331</v>
      </c>
      <c r="L11" s="1" t="s">
        <v>34</v>
      </c>
      <c r="N11" s="1" t="s">
        <v>35</v>
      </c>
      <c r="O11" s="1" t="s">
        <v>57</v>
      </c>
      <c r="P11" s="1" t="s">
        <v>37</v>
      </c>
      <c r="Q11" s="1" t="s">
        <v>186</v>
      </c>
      <c r="R11" s="1" t="s">
        <v>198</v>
      </c>
      <c r="S11" s="1" t="s">
        <v>162</v>
      </c>
      <c r="T11" s="1" t="s">
        <v>60</v>
      </c>
      <c r="U11" s="1">
        <v>7.9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6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06</v>
      </c>
      <c r="B12" s="2">
        <v>0.41666666666666669</v>
      </c>
      <c r="C12" s="1" t="s">
        <v>855</v>
      </c>
      <c r="D12" s="1" t="s">
        <v>27</v>
      </c>
      <c r="E12" s="1" t="s">
        <v>857</v>
      </c>
      <c r="F12" s="1" t="s">
        <v>70</v>
      </c>
      <c r="G12" s="1" t="s">
        <v>250</v>
      </c>
      <c r="H12" s="1" t="s">
        <v>265</v>
      </c>
      <c r="I12" s="1" t="s">
        <v>495</v>
      </c>
      <c r="J12" s="1" t="s">
        <v>79</v>
      </c>
      <c r="K12" s="1" t="s">
        <v>100</v>
      </c>
      <c r="L12" s="1" t="s">
        <v>34</v>
      </c>
      <c r="N12" s="1" t="s">
        <v>35</v>
      </c>
      <c r="O12" s="1" t="s">
        <v>57</v>
      </c>
      <c r="P12" s="1" t="s">
        <v>37</v>
      </c>
      <c r="Q12" s="1" t="s">
        <v>81</v>
      </c>
      <c r="R12" s="1" t="s">
        <v>66</v>
      </c>
      <c r="S12" s="1" t="s">
        <v>226</v>
      </c>
      <c r="T12" s="1" t="s">
        <v>182</v>
      </c>
      <c r="U12" s="1">
        <v>11.8</v>
      </c>
      <c r="V12" s="4">
        <v>4900</v>
      </c>
      <c r="W12" s="1"/>
      <c r="X12" s="1">
        <v>4.5</v>
      </c>
      <c r="Y12" s="1">
        <v>0.04</v>
      </c>
      <c r="Z12" s="1">
        <v>5.0000000000000001E-3</v>
      </c>
      <c r="AA12" s="1"/>
      <c r="AB12" s="1"/>
      <c r="AC12" s="1" t="s">
        <v>881</v>
      </c>
      <c r="AD12" s="1" t="s">
        <v>882</v>
      </c>
      <c r="AE12" s="1" t="s">
        <v>885</v>
      </c>
      <c r="AF12" s="1" t="s">
        <v>884</v>
      </c>
      <c r="AG12" s="1" t="s">
        <v>885</v>
      </c>
      <c r="AH12" s="1" t="s">
        <v>883</v>
      </c>
      <c r="AI12" s="1"/>
      <c r="AJ12" s="1"/>
      <c r="AK12" s="1"/>
      <c r="AL12" s="1" t="s">
        <v>888</v>
      </c>
      <c r="AM12" s="1"/>
      <c r="AN12" s="1"/>
      <c r="AO12" s="1"/>
      <c r="AP12" t="s">
        <v>888</v>
      </c>
      <c r="AQ12" s="1"/>
      <c r="AR12" s="1">
        <v>5.0000000000000001E-4</v>
      </c>
      <c r="AS12" s="1">
        <v>1.2999999999999999E-3</v>
      </c>
      <c r="AT12" s="1"/>
      <c r="AU12" s="1"/>
      <c r="AV12" s="1"/>
      <c r="AW12" s="1"/>
      <c r="AX12" s="1"/>
      <c r="AY12" s="1"/>
      <c r="AZ12" s="1" t="s">
        <v>893</v>
      </c>
      <c r="BA12" s="1" t="s">
        <v>884</v>
      </c>
      <c r="BB12" s="1" t="s">
        <v>895</v>
      </c>
      <c r="BC12" s="1">
        <v>4.0999999999999996</v>
      </c>
      <c r="BD12" s="1">
        <v>4.0999999999999996</v>
      </c>
      <c r="BE12" s="1"/>
      <c r="BF12" s="1" t="s">
        <v>885</v>
      </c>
      <c r="BG12" s="1" t="s">
        <v>885</v>
      </c>
      <c r="BH12" s="1" t="s">
        <v>884</v>
      </c>
      <c r="BI12" s="1" t="s">
        <v>882</v>
      </c>
      <c r="BJ12" s="1"/>
      <c r="BK12" s="1"/>
      <c r="BL12" s="1"/>
      <c r="BM12" s="1" t="s">
        <v>900</v>
      </c>
      <c r="BN12" s="1">
        <v>1.9E-2</v>
      </c>
      <c r="BO12" s="1">
        <v>26</v>
      </c>
      <c r="BP12" s="1">
        <v>11</v>
      </c>
      <c r="BQ12" s="1"/>
      <c r="BR12" s="1" t="s">
        <v>90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6666666666666663</v>
      </c>
      <c r="C13" s="1" t="s">
        <v>855</v>
      </c>
      <c r="D13" s="1" t="s">
        <v>27</v>
      </c>
      <c r="E13" s="1" t="s">
        <v>857</v>
      </c>
      <c r="F13" s="1" t="s">
        <v>507</v>
      </c>
      <c r="G13" s="1" t="s">
        <v>246</v>
      </c>
      <c r="H13" s="1" t="s">
        <v>265</v>
      </c>
      <c r="I13" s="1" t="s">
        <v>495</v>
      </c>
      <c r="J13" s="1" t="s">
        <v>79</v>
      </c>
      <c r="K13" s="1" t="s">
        <v>100</v>
      </c>
      <c r="L13" s="1" t="s">
        <v>34</v>
      </c>
      <c r="N13" s="1" t="s">
        <v>35</v>
      </c>
      <c r="O13" s="1" t="s">
        <v>57</v>
      </c>
      <c r="P13" s="1" t="s">
        <v>37</v>
      </c>
      <c r="Q13" s="1" t="s">
        <v>411</v>
      </c>
      <c r="R13" s="1" t="s">
        <v>66</v>
      </c>
      <c r="S13" s="1" t="s">
        <v>146</v>
      </c>
      <c r="T13" s="1" t="s">
        <v>286</v>
      </c>
      <c r="U13" s="1">
        <v>11.9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6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1666666666666663</v>
      </c>
      <c r="C14" s="1" t="s">
        <v>855</v>
      </c>
      <c r="D14" s="1" t="s">
        <v>85</v>
      </c>
      <c r="E14" s="1" t="s">
        <v>857</v>
      </c>
      <c r="F14" s="1" t="s">
        <v>92</v>
      </c>
      <c r="G14" s="1" t="s">
        <v>249</v>
      </c>
      <c r="H14" s="1" t="s">
        <v>247</v>
      </c>
      <c r="I14" s="1" t="s">
        <v>339</v>
      </c>
      <c r="J14" s="1" t="s">
        <v>79</v>
      </c>
      <c r="K14" s="1" t="s">
        <v>74</v>
      </c>
      <c r="L14" s="1" t="s">
        <v>34</v>
      </c>
      <c r="N14" s="1" t="s">
        <v>35</v>
      </c>
      <c r="O14" s="1" t="s">
        <v>57</v>
      </c>
      <c r="P14" s="1" t="s">
        <v>37</v>
      </c>
      <c r="Q14" s="1" t="s">
        <v>145</v>
      </c>
      <c r="R14" s="1" t="s">
        <v>66</v>
      </c>
      <c r="S14" s="1" t="s">
        <v>121</v>
      </c>
      <c r="T14" s="1" t="s">
        <v>68</v>
      </c>
      <c r="U14" s="1">
        <v>7.2</v>
      </c>
      <c r="V14" s="1"/>
      <c r="W14" s="1"/>
      <c r="X14" s="1">
        <v>5</v>
      </c>
      <c r="Y14" s="1">
        <v>2.1000000000000001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>
        <v>5.0000000000000001E-4</v>
      </c>
      <c r="AS14" s="1">
        <v>1.1000000000000001E-3</v>
      </c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27</v>
      </c>
      <c r="BP14" s="1">
        <v>11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13</v>
      </c>
      <c r="B15" s="2">
        <v>0.16666666666666666</v>
      </c>
      <c r="C15" s="1" t="s">
        <v>855</v>
      </c>
      <c r="D15" s="1" t="s">
        <v>85</v>
      </c>
      <c r="E15" s="1" t="s">
        <v>857</v>
      </c>
      <c r="F15" s="1" t="s">
        <v>250</v>
      </c>
      <c r="G15" s="1" t="s">
        <v>657</v>
      </c>
      <c r="H15" s="1" t="s">
        <v>219</v>
      </c>
      <c r="I15" s="1" t="s">
        <v>723</v>
      </c>
      <c r="J15" s="1" t="s">
        <v>79</v>
      </c>
      <c r="K15" s="1" t="s">
        <v>258</v>
      </c>
      <c r="L15" s="1" t="s">
        <v>724</v>
      </c>
      <c r="N15" s="1" t="s">
        <v>311</v>
      </c>
      <c r="O15" s="1" t="s">
        <v>278</v>
      </c>
      <c r="P15" s="1" t="s">
        <v>37</v>
      </c>
      <c r="Q15" s="1" t="s">
        <v>191</v>
      </c>
      <c r="R15" s="1" t="s">
        <v>90</v>
      </c>
      <c r="S15" s="1" t="s">
        <v>59</v>
      </c>
      <c r="T15" s="1" t="s">
        <v>409</v>
      </c>
      <c r="U15" s="1">
        <v>7.1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6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4</v>
      </c>
      <c r="B16" s="2">
        <v>0.41666666666666669</v>
      </c>
      <c r="C16" s="1" t="s">
        <v>855</v>
      </c>
      <c r="D16" s="1" t="s">
        <v>85</v>
      </c>
      <c r="E16" s="1" t="s">
        <v>28</v>
      </c>
      <c r="F16" s="1" t="s">
        <v>102</v>
      </c>
      <c r="G16" s="1" t="s">
        <v>375</v>
      </c>
      <c r="H16" s="1" t="s">
        <v>254</v>
      </c>
      <c r="I16" s="1" t="s">
        <v>355</v>
      </c>
      <c r="J16" s="1" t="s">
        <v>79</v>
      </c>
      <c r="K16" s="1" t="s">
        <v>74</v>
      </c>
      <c r="L16" s="1" t="s">
        <v>34</v>
      </c>
      <c r="N16" s="1" t="s">
        <v>35</v>
      </c>
      <c r="O16" s="1" t="s">
        <v>57</v>
      </c>
      <c r="P16" s="1" t="s">
        <v>37</v>
      </c>
      <c r="Q16" s="1" t="s">
        <v>161</v>
      </c>
      <c r="R16" s="1" t="s">
        <v>151</v>
      </c>
      <c r="S16" s="1" t="s">
        <v>146</v>
      </c>
      <c r="T16" s="1" t="s">
        <v>174</v>
      </c>
      <c r="U16" s="1">
        <v>12.1</v>
      </c>
      <c r="V16" s="4">
        <v>7900</v>
      </c>
      <c r="W16" s="1"/>
      <c r="X16" s="1">
        <v>4</v>
      </c>
      <c r="Y16" s="1">
        <v>1.9E-2</v>
      </c>
      <c r="Z16" s="1" t="s">
        <v>889</v>
      </c>
      <c r="AA16" s="1"/>
      <c r="AB16" s="1"/>
      <c r="AC16" s="1" t="s">
        <v>881</v>
      </c>
      <c r="AD16" s="1" t="s">
        <v>882</v>
      </c>
      <c r="AE16" s="1" t="s">
        <v>885</v>
      </c>
      <c r="AF16" s="1" t="s">
        <v>884</v>
      </c>
      <c r="AG16" s="1" t="s">
        <v>885</v>
      </c>
      <c r="AH16" s="1" t="s">
        <v>883</v>
      </c>
      <c r="AI16" s="1"/>
      <c r="AJ16" s="1"/>
      <c r="AK16" s="1"/>
      <c r="AL16" s="1" t="s">
        <v>888</v>
      </c>
      <c r="AM16" s="1"/>
      <c r="AN16" s="1"/>
      <c r="AO16" s="1"/>
      <c r="AP16" t="s">
        <v>888</v>
      </c>
      <c r="AQ16" s="1"/>
      <c r="AR16" s="1">
        <v>4.0000000000000002E-4</v>
      </c>
      <c r="AS16" s="1">
        <v>8.0000000000000004E-4</v>
      </c>
      <c r="AT16" s="1"/>
      <c r="AU16" s="1"/>
      <c r="AV16" s="1"/>
      <c r="AW16" s="1"/>
      <c r="AX16" s="1"/>
      <c r="AY16" s="1"/>
      <c r="AZ16" s="1"/>
      <c r="BA16" s="1"/>
      <c r="BB16" s="1" t="s">
        <v>895</v>
      </c>
      <c r="BC16" s="1">
        <v>4</v>
      </c>
      <c r="BD16" s="1">
        <v>4</v>
      </c>
      <c r="BE16" s="1"/>
      <c r="BF16" s="1"/>
      <c r="BG16" s="1"/>
      <c r="BH16" s="1"/>
      <c r="BI16" s="1"/>
      <c r="BJ16" s="1"/>
      <c r="BK16" s="1"/>
      <c r="BL16" s="1"/>
      <c r="BM16" s="1" t="s">
        <v>900</v>
      </c>
      <c r="BN16" s="1">
        <v>8.9999999999999993E-3</v>
      </c>
      <c r="BO16" s="1">
        <v>26</v>
      </c>
      <c r="BP16" s="1">
        <v>11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6666666666666663</v>
      </c>
      <c r="C17" s="1" t="s">
        <v>855</v>
      </c>
      <c r="D17" s="1" t="s">
        <v>85</v>
      </c>
      <c r="E17" s="1" t="s">
        <v>28</v>
      </c>
      <c r="F17" s="1" t="s">
        <v>99</v>
      </c>
      <c r="G17" s="1" t="s">
        <v>92</v>
      </c>
      <c r="H17" s="1" t="s">
        <v>208</v>
      </c>
      <c r="I17" s="1" t="s">
        <v>342</v>
      </c>
      <c r="J17" s="1" t="s">
        <v>79</v>
      </c>
      <c r="K17" s="1" t="s">
        <v>88</v>
      </c>
      <c r="L17" s="1" t="s">
        <v>34</v>
      </c>
      <c r="N17" s="1" t="s">
        <v>35</v>
      </c>
      <c r="O17" s="1" t="s">
        <v>57</v>
      </c>
      <c r="P17" s="1" t="s">
        <v>37</v>
      </c>
      <c r="Q17" s="1" t="s">
        <v>128</v>
      </c>
      <c r="R17" s="1" t="s">
        <v>192</v>
      </c>
      <c r="S17" s="1" t="s">
        <v>146</v>
      </c>
      <c r="T17" s="1" t="s">
        <v>286</v>
      </c>
      <c r="U17" s="1">
        <v>11.1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6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1666666666666663</v>
      </c>
      <c r="C18" s="1" t="s">
        <v>855</v>
      </c>
      <c r="D18" s="1" t="s">
        <v>85</v>
      </c>
      <c r="E18" s="1" t="s">
        <v>28</v>
      </c>
      <c r="F18" s="1" t="s">
        <v>559</v>
      </c>
      <c r="G18" s="1" t="s">
        <v>390</v>
      </c>
      <c r="H18" s="1" t="s">
        <v>247</v>
      </c>
      <c r="I18" s="1" t="s">
        <v>219</v>
      </c>
      <c r="J18" s="1" t="s">
        <v>79</v>
      </c>
      <c r="K18" s="1" t="s">
        <v>65</v>
      </c>
      <c r="L18" s="1" t="s">
        <v>34</v>
      </c>
      <c r="N18" s="1" t="s">
        <v>35</v>
      </c>
      <c r="O18" s="1" t="s">
        <v>57</v>
      </c>
      <c r="P18" s="1" t="s">
        <v>37</v>
      </c>
      <c r="Q18" s="1" t="s">
        <v>186</v>
      </c>
      <c r="R18" s="1" t="s">
        <v>172</v>
      </c>
      <c r="S18" s="1" t="s">
        <v>180</v>
      </c>
      <c r="T18" s="1" t="s">
        <v>41</v>
      </c>
      <c r="U18" s="1">
        <v>6.6</v>
      </c>
      <c r="V18" s="1"/>
      <c r="W18" s="1"/>
      <c r="X18" s="1">
        <v>4.7</v>
      </c>
      <c r="Y18" s="1">
        <v>1.2E-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>
        <v>4.0000000000000002E-4</v>
      </c>
      <c r="AS18" s="1">
        <v>8.0000000000000004E-4</v>
      </c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27</v>
      </c>
      <c r="BP18" s="1">
        <v>1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27</v>
      </c>
      <c r="B19" s="2">
        <v>0.16666666666666666</v>
      </c>
      <c r="C19" s="1" t="s">
        <v>855</v>
      </c>
      <c r="D19" s="1" t="s">
        <v>85</v>
      </c>
      <c r="E19" s="1" t="s">
        <v>28</v>
      </c>
      <c r="F19" s="1" t="s">
        <v>354</v>
      </c>
      <c r="G19" s="1" t="s">
        <v>250</v>
      </c>
      <c r="H19" s="1" t="s">
        <v>254</v>
      </c>
      <c r="I19" s="1" t="s">
        <v>219</v>
      </c>
      <c r="J19" s="1" t="s">
        <v>79</v>
      </c>
      <c r="K19" s="1" t="s">
        <v>88</v>
      </c>
      <c r="L19" s="1" t="s">
        <v>34</v>
      </c>
      <c r="N19" s="1" t="s">
        <v>35</v>
      </c>
      <c r="O19" s="1" t="s">
        <v>57</v>
      </c>
      <c r="P19" s="1" t="s">
        <v>37</v>
      </c>
      <c r="Q19" s="1" t="s">
        <v>179</v>
      </c>
      <c r="R19" s="1" t="s">
        <v>151</v>
      </c>
      <c r="S19" s="1" t="s">
        <v>173</v>
      </c>
      <c r="T19" s="1" t="s">
        <v>68</v>
      </c>
      <c r="U19" s="1">
        <v>6.3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26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97</v>
      </c>
      <c r="B20" s="2">
        <v>0.43055555555555558</v>
      </c>
      <c r="C20" s="1" t="s">
        <v>855</v>
      </c>
      <c r="D20" s="1" t="s">
        <v>27</v>
      </c>
      <c r="E20" s="1" t="s">
        <v>28</v>
      </c>
      <c r="F20" s="1" t="s">
        <v>725</v>
      </c>
      <c r="G20" s="1" t="s">
        <v>246</v>
      </c>
      <c r="H20" s="1" t="s">
        <v>345</v>
      </c>
      <c r="I20" s="1" t="s">
        <v>234</v>
      </c>
      <c r="J20" s="1" t="s">
        <v>79</v>
      </c>
      <c r="K20" s="1" t="s">
        <v>65</v>
      </c>
      <c r="L20" s="1" t="s">
        <v>726</v>
      </c>
      <c r="N20" s="1" t="s">
        <v>35</v>
      </c>
      <c r="O20" s="1" t="s">
        <v>57</v>
      </c>
      <c r="P20" s="1" t="s">
        <v>37</v>
      </c>
      <c r="Q20" s="1" t="s">
        <v>411</v>
      </c>
      <c r="R20" s="1" t="s">
        <v>104</v>
      </c>
      <c r="S20" s="1" t="s">
        <v>192</v>
      </c>
      <c r="T20" s="1" t="s">
        <v>129</v>
      </c>
      <c r="U20" s="1">
        <v>11.6</v>
      </c>
      <c r="V20" s="4">
        <v>4600</v>
      </c>
      <c r="W20" s="1" t="s">
        <v>887</v>
      </c>
      <c r="X20" s="1">
        <v>4.2</v>
      </c>
      <c r="Y20" s="1">
        <v>2.8000000000000001E-2</v>
      </c>
      <c r="Z20" s="1">
        <v>3.0000000000000001E-3</v>
      </c>
      <c r="AA20" s="1" t="s">
        <v>926</v>
      </c>
      <c r="AB20" s="1" t="s">
        <v>958</v>
      </c>
      <c r="AC20" s="1" t="s">
        <v>881</v>
      </c>
      <c r="AD20" s="1" t="s">
        <v>882</v>
      </c>
      <c r="AE20" s="1" t="s">
        <v>885</v>
      </c>
      <c r="AF20" s="1" t="s">
        <v>884</v>
      </c>
      <c r="AG20" s="1" t="s">
        <v>885</v>
      </c>
      <c r="AH20" s="1" t="s">
        <v>883</v>
      </c>
      <c r="AI20" s="1"/>
      <c r="AJ20" s="1" t="s">
        <v>883</v>
      </c>
      <c r="AK20" s="1" t="s">
        <v>888</v>
      </c>
      <c r="AL20" s="1" t="s">
        <v>888</v>
      </c>
      <c r="AM20" s="1" t="s">
        <v>888</v>
      </c>
      <c r="AN20" s="1" t="s">
        <v>888</v>
      </c>
      <c r="AO20" s="1">
        <v>2.9999999999999997E-4</v>
      </c>
      <c r="AP20" t="s">
        <v>888</v>
      </c>
      <c r="AQ20" s="1" t="s">
        <v>888</v>
      </c>
      <c r="AR20" s="1">
        <v>5.0000000000000001E-4</v>
      </c>
      <c r="AS20" s="1">
        <v>1.1000000000000001E-3</v>
      </c>
      <c r="AT20" s="1" t="s">
        <v>896</v>
      </c>
      <c r="AU20" s="1" t="s">
        <v>883</v>
      </c>
      <c r="AV20" s="1" t="s">
        <v>881</v>
      </c>
      <c r="AW20" s="1" t="s">
        <v>881</v>
      </c>
      <c r="AX20" s="1" t="s">
        <v>888</v>
      </c>
      <c r="AY20" s="1" t="s">
        <v>894</v>
      </c>
      <c r="AZ20" s="1" t="s">
        <v>893</v>
      </c>
      <c r="BA20" s="1" t="s">
        <v>884</v>
      </c>
      <c r="BB20" s="1" t="s">
        <v>895</v>
      </c>
      <c r="BC20" s="1">
        <v>4</v>
      </c>
      <c r="BD20" s="1">
        <v>4</v>
      </c>
      <c r="BE20" s="1" t="s">
        <v>885</v>
      </c>
      <c r="BF20" s="1" t="s">
        <v>885</v>
      </c>
      <c r="BG20" s="1" t="s">
        <v>885</v>
      </c>
      <c r="BH20" s="1">
        <v>0.02</v>
      </c>
      <c r="BI20" s="1" t="s">
        <v>882</v>
      </c>
      <c r="BJ20" s="1"/>
      <c r="BK20" s="1"/>
      <c r="BL20" s="1" t="s">
        <v>902</v>
      </c>
      <c r="BM20" s="1" t="s">
        <v>900</v>
      </c>
      <c r="BN20" s="1">
        <v>1.9E-2</v>
      </c>
      <c r="BO20" s="1">
        <v>26</v>
      </c>
      <c r="BP20" s="1">
        <v>11</v>
      </c>
      <c r="BQ20" s="1"/>
      <c r="BR20" s="1">
        <v>0.06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6666666666666663</v>
      </c>
      <c r="C21" s="1" t="s">
        <v>855</v>
      </c>
      <c r="D21" s="1" t="s">
        <v>27</v>
      </c>
      <c r="E21" s="1" t="s">
        <v>28</v>
      </c>
      <c r="F21" s="1" t="s">
        <v>364</v>
      </c>
      <c r="G21" s="1" t="s">
        <v>354</v>
      </c>
      <c r="H21" s="1" t="s">
        <v>331</v>
      </c>
      <c r="I21" s="1" t="s">
        <v>243</v>
      </c>
      <c r="J21" s="1" t="s">
        <v>79</v>
      </c>
      <c r="K21" s="1" t="s">
        <v>88</v>
      </c>
      <c r="L21" s="1" t="s">
        <v>727</v>
      </c>
      <c r="N21" s="1" t="s">
        <v>728</v>
      </c>
      <c r="O21" s="1" t="s">
        <v>729</v>
      </c>
      <c r="P21" s="1" t="s">
        <v>37</v>
      </c>
      <c r="Q21" s="1" t="s">
        <v>140</v>
      </c>
      <c r="R21" s="1" t="s">
        <v>104</v>
      </c>
      <c r="S21" s="1" t="s">
        <v>303</v>
      </c>
      <c r="T21" s="1" t="s">
        <v>730</v>
      </c>
      <c r="U21" s="1">
        <v>10.1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26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1666666666666663</v>
      </c>
      <c r="C22" s="1" t="s">
        <v>855</v>
      </c>
      <c r="D22" s="1" t="s">
        <v>27</v>
      </c>
      <c r="E22" s="1" t="s">
        <v>28</v>
      </c>
      <c r="F22" s="1" t="s">
        <v>731</v>
      </c>
      <c r="G22" s="1" t="s">
        <v>106</v>
      </c>
      <c r="H22" s="1" t="s">
        <v>33</v>
      </c>
      <c r="I22" s="1" t="s">
        <v>208</v>
      </c>
      <c r="J22" s="1" t="s">
        <v>79</v>
      </c>
      <c r="K22" s="1" t="s">
        <v>94</v>
      </c>
      <c r="L22" s="1" t="s">
        <v>732</v>
      </c>
      <c r="N22" s="1" t="s">
        <v>728</v>
      </c>
      <c r="O22" s="1" t="s">
        <v>729</v>
      </c>
      <c r="P22" s="1" t="s">
        <v>733</v>
      </c>
      <c r="Q22" s="1" t="s">
        <v>179</v>
      </c>
      <c r="R22" s="1" t="s">
        <v>104</v>
      </c>
      <c r="S22" s="1" t="s">
        <v>226</v>
      </c>
      <c r="T22" s="1" t="s">
        <v>734</v>
      </c>
      <c r="U22" s="1">
        <v>6.5</v>
      </c>
      <c r="V22" s="1"/>
      <c r="W22" s="1" t="s">
        <v>887</v>
      </c>
      <c r="X22" s="1">
        <v>4.4000000000000004</v>
      </c>
      <c r="Y22" s="1">
        <v>2.3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>
        <v>5.0000000000000001E-4</v>
      </c>
      <c r="AS22" s="1">
        <v>1E-3</v>
      </c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27</v>
      </c>
      <c r="BP22" s="1">
        <v>1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38</v>
      </c>
      <c r="B23" s="2">
        <v>0.16666666666666666</v>
      </c>
      <c r="C23" s="1" t="s">
        <v>855</v>
      </c>
      <c r="D23" s="1" t="s">
        <v>27</v>
      </c>
      <c r="E23" s="1" t="s">
        <v>28</v>
      </c>
      <c r="F23" s="1" t="s">
        <v>194</v>
      </c>
      <c r="G23" s="1" t="s">
        <v>657</v>
      </c>
      <c r="H23" s="1" t="s">
        <v>224</v>
      </c>
      <c r="I23" s="1" t="s">
        <v>334</v>
      </c>
      <c r="J23" s="1" t="s">
        <v>79</v>
      </c>
      <c r="K23" s="1" t="s">
        <v>65</v>
      </c>
      <c r="L23" s="1" t="s">
        <v>34</v>
      </c>
      <c r="N23" s="1" t="s">
        <v>35</v>
      </c>
      <c r="O23" s="1" t="s">
        <v>57</v>
      </c>
      <c r="P23" s="1" t="s">
        <v>37</v>
      </c>
      <c r="Q23" s="1" t="s">
        <v>179</v>
      </c>
      <c r="R23" s="1" t="s">
        <v>101</v>
      </c>
      <c r="S23" s="1" t="s">
        <v>192</v>
      </c>
      <c r="T23" s="1" t="s">
        <v>434</v>
      </c>
      <c r="U23" s="1">
        <v>6.7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27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1</v>
      </c>
      <c r="B24" s="2">
        <v>0.41666666666666669</v>
      </c>
      <c r="C24" s="1" t="s">
        <v>855</v>
      </c>
      <c r="D24" s="1" t="s">
        <v>85</v>
      </c>
      <c r="E24" s="1" t="s">
        <v>857</v>
      </c>
      <c r="F24" s="1" t="s">
        <v>449</v>
      </c>
      <c r="G24" s="1" t="s">
        <v>29</v>
      </c>
      <c r="H24" s="1" t="s">
        <v>334</v>
      </c>
      <c r="I24" s="1" t="s">
        <v>243</v>
      </c>
      <c r="J24" s="1" t="s">
        <v>79</v>
      </c>
      <c r="K24" s="1" t="s">
        <v>139</v>
      </c>
      <c r="L24" s="1" t="s">
        <v>34</v>
      </c>
      <c r="N24" s="1" t="s">
        <v>35</v>
      </c>
      <c r="O24" s="1" t="s">
        <v>57</v>
      </c>
      <c r="P24" s="1" t="s">
        <v>37</v>
      </c>
      <c r="Q24" s="1" t="s">
        <v>411</v>
      </c>
      <c r="R24" s="1" t="s">
        <v>104</v>
      </c>
      <c r="S24" s="1" t="s">
        <v>121</v>
      </c>
      <c r="T24" s="1" t="s">
        <v>60</v>
      </c>
      <c r="U24" s="1">
        <v>12.2</v>
      </c>
      <c r="V24" s="4">
        <v>4900</v>
      </c>
      <c r="W24" s="1"/>
      <c r="X24" s="1">
        <v>4.2</v>
      </c>
      <c r="Y24" s="1">
        <v>2.5000000000000001E-2</v>
      </c>
      <c r="Z24" s="1">
        <v>1E-3</v>
      </c>
      <c r="AA24" s="1"/>
      <c r="AB24" s="1"/>
      <c r="AC24" s="1" t="s">
        <v>881</v>
      </c>
      <c r="AD24" s="1" t="s">
        <v>882</v>
      </c>
      <c r="AE24" s="1" t="s">
        <v>885</v>
      </c>
      <c r="AF24" s="1" t="s">
        <v>884</v>
      </c>
      <c r="AG24" s="1" t="s">
        <v>885</v>
      </c>
      <c r="AH24" s="1" t="s">
        <v>883</v>
      </c>
      <c r="AI24" s="1"/>
      <c r="AJ24" s="1"/>
      <c r="AK24" s="1"/>
      <c r="AL24" s="1">
        <v>2.0000000000000001E-4</v>
      </c>
      <c r="AM24" s="1"/>
      <c r="AN24" s="1"/>
      <c r="AO24" s="1"/>
      <c r="AP24">
        <v>2.0000000000000001E-4</v>
      </c>
      <c r="AQ24" s="1"/>
      <c r="AR24" s="1">
        <v>6.9999999999999999E-4</v>
      </c>
      <c r="AS24" s="1">
        <v>1.6999999999999999E-3</v>
      </c>
      <c r="AT24" s="1"/>
      <c r="AU24" s="1"/>
      <c r="AV24" s="1"/>
      <c r="AW24" s="1"/>
      <c r="AX24" s="1"/>
      <c r="AY24" s="1"/>
      <c r="AZ24" s="1"/>
      <c r="BA24" s="1"/>
      <c r="BB24" s="1" t="s">
        <v>895</v>
      </c>
      <c r="BC24" s="1">
        <v>3.8</v>
      </c>
      <c r="BD24" s="1">
        <v>3.8</v>
      </c>
      <c r="BE24" s="1"/>
      <c r="BF24" s="1"/>
      <c r="BG24" s="1"/>
      <c r="BH24" s="1"/>
      <c r="BI24" s="1"/>
      <c r="BJ24" s="1"/>
      <c r="BK24" s="1"/>
      <c r="BL24" s="1"/>
      <c r="BM24" s="1" t="s">
        <v>900</v>
      </c>
      <c r="BN24" s="1">
        <v>1.0999999999999999E-2</v>
      </c>
      <c r="BO24" s="1">
        <v>26</v>
      </c>
      <c r="BP24" s="1">
        <v>1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6666666666666663</v>
      </c>
      <c r="C25" s="1" t="s">
        <v>855</v>
      </c>
      <c r="D25" s="1" t="s">
        <v>85</v>
      </c>
      <c r="E25" s="1" t="s">
        <v>857</v>
      </c>
      <c r="F25" s="1" t="s">
        <v>336</v>
      </c>
      <c r="G25" s="1" t="s">
        <v>203</v>
      </c>
      <c r="H25" s="1" t="s">
        <v>280</v>
      </c>
      <c r="I25" s="1" t="s">
        <v>169</v>
      </c>
      <c r="J25" s="1" t="s">
        <v>79</v>
      </c>
      <c r="K25" s="1" t="s">
        <v>100</v>
      </c>
      <c r="L25" s="1" t="s">
        <v>34</v>
      </c>
      <c r="N25" s="1" t="s">
        <v>35</v>
      </c>
      <c r="O25" s="1" t="s">
        <v>57</v>
      </c>
      <c r="P25" s="1" t="s">
        <v>37</v>
      </c>
      <c r="Q25" s="1" t="s">
        <v>171</v>
      </c>
      <c r="R25" s="1" t="s">
        <v>108</v>
      </c>
      <c r="S25" s="1" t="s">
        <v>172</v>
      </c>
      <c r="T25" s="1" t="s">
        <v>60</v>
      </c>
      <c r="U25" s="1">
        <v>10.199999999999999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26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1666666666666663</v>
      </c>
      <c r="C26" s="1" t="s">
        <v>855</v>
      </c>
      <c r="D26" s="1" t="s">
        <v>85</v>
      </c>
      <c r="E26" s="1" t="s">
        <v>857</v>
      </c>
      <c r="F26" s="1" t="s">
        <v>380</v>
      </c>
      <c r="G26" s="1" t="s">
        <v>253</v>
      </c>
      <c r="H26" s="1" t="s">
        <v>258</v>
      </c>
      <c r="I26" s="1" t="s">
        <v>184</v>
      </c>
      <c r="J26" s="1" t="s">
        <v>79</v>
      </c>
      <c r="K26" s="1" t="s">
        <v>88</v>
      </c>
      <c r="L26" s="1" t="s">
        <v>34</v>
      </c>
      <c r="N26" s="1" t="s">
        <v>35</v>
      </c>
      <c r="O26" s="1" t="s">
        <v>57</v>
      </c>
      <c r="P26" s="1" t="s">
        <v>37</v>
      </c>
      <c r="Q26" s="1" t="s">
        <v>145</v>
      </c>
      <c r="R26" s="1" t="s">
        <v>66</v>
      </c>
      <c r="S26" s="1" t="s">
        <v>121</v>
      </c>
      <c r="T26" s="1" t="s">
        <v>60</v>
      </c>
      <c r="U26" s="1">
        <v>7.3</v>
      </c>
      <c r="V26" s="1"/>
      <c r="W26" s="1"/>
      <c r="X26" s="1">
        <v>4.3</v>
      </c>
      <c r="Y26" s="1">
        <v>2.3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>
        <v>6.9999999999999999E-4</v>
      </c>
      <c r="AS26" s="1">
        <v>1.6999999999999999E-3</v>
      </c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27</v>
      </c>
      <c r="BP26" s="1">
        <v>10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252</v>
      </c>
      <c r="B27" s="2">
        <v>0.16666666666666666</v>
      </c>
      <c r="C27" s="1" t="s">
        <v>855</v>
      </c>
      <c r="D27" s="1" t="s">
        <v>85</v>
      </c>
      <c r="E27" s="1" t="s">
        <v>857</v>
      </c>
      <c r="F27" s="1" t="s">
        <v>269</v>
      </c>
      <c r="G27" s="1" t="s">
        <v>722</v>
      </c>
      <c r="H27" s="1" t="s">
        <v>33</v>
      </c>
      <c r="I27" s="1" t="s">
        <v>223</v>
      </c>
      <c r="J27" s="1" t="s">
        <v>79</v>
      </c>
      <c r="K27" s="1" t="s">
        <v>289</v>
      </c>
      <c r="L27" s="1" t="s">
        <v>34</v>
      </c>
      <c r="N27" s="1" t="s">
        <v>35</v>
      </c>
      <c r="O27" s="1" t="s">
        <v>57</v>
      </c>
      <c r="P27" s="1" t="s">
        <v>37</v>
      </c>
      <c r="Q27" s="1" t="s">
        <v>186</v>
      </c>
      <c r="R27" s="1" t="s">
        <v>101</v>
      </c>
      <c r="S27" s="1" t="s">
        <v>104</v>
      </c>
      <c r="T27" s="1" t="s">
        <v>60</v>
      </c>
      <c r="U27" s="1">
        <v>7.4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7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56</v>
      </c>
      <c r="B28" s="2">
        <v>0.41666666666666669</v>
      </c>
      <c r="C28" s="1" t="s">
        <v>855</v>
      </c>
      <c r="D28" s="1" t="s">
        <v>85</v>
      </c>
      <c r="E28" s="1" t="s">
        <v>28</v>
      </c>
      <c r="F28" s="1" t="s">
        <v>194</v>
      </c>
      <c r="G28" s="1" t="s">
        <v>203</v>
      </c>
      <c r="H28" s="1" t="s">
        <v>190</v>
      </c>
      <c r="I28" s="1" t="s">
        <v>735</v>
      </c>
      <c r="J28" s="1" t="s">
        <v>79</v>
      </c>
      <c r="K28" s="1" t="s">
        <v>100</v>
      </c>
      <c r="L28" s="1" t="s">
        <v>34</v>
      </c>
      <c r="N28" s="1" t="s">
        <v>35</v>
      </c>
      <c r="O28" s="1" t="s">
        <v>57</v>
      </c>
      <c r="P28" s="1" t="s">
        <v>37</v>
      </c>
      <c r="Q28" s="1" t="s">
        <v>210</v>
      </c>
      <c r="R28" s="1" t="s">
        <v>198</v>
      </c>
      <c r="S28" s="1" t="s">
        <v>162</v>
      </c>
      <c r="T28" s="1" t="s">
        <v>60</v>
      </c>
      <c r="U28" s="1">
        <v>11.4</v>
      </c>
      <c r="V28" s="4">
        <v>13000</v>
      </c>
      <c r="W28" s="1"/>
      <c r="X28" s="1">
        <v>4.5</v>
      </c>
      <c r="Y28" s="1">
        <v>2.1000000000000001E-2</v>
      </c>
      <c r="Z28" s="1">
        <v>1E-3</v>
      </c>
      <c r="AC28" s="1" t="s">
        <v>881</v>
      </c>
      <c r="AD28" s="1" t="s">
        <v>882</v>
      </c>
      <c r="AE28" s="1" t="s">
        <v>885</v>
      </c>
      <c r="AF28" s="1" t="s">
        <v>884</v>
      </c>
      <c r="AG28" s="1" t="s">
        <v>885</v>
      </c>
      <c r="AH28" s="1" t="s">
        <v>883</v>
      </c>
      <c r="AI28" s="1"/>
      <c r="AJ28" s="1"/>
      <c r="AK28" s="1"/>
      <c r="AL28" s="1" t="s">
        <v>888</v>
      </c>
      <c r="AM28" s="1"/>
      <c r="AN28" s="1"/>
      <c r="AO28" s="1"/>
      <c r="AP28" t="s">
        <v>888</v>
      </c>
      <c r="AQ28" s="1"/>
      <c r="AR28" s="1">
        <v>5.0000000000000001E-4</v>
      </c>
      <c r="AS28" s="1">
        <v>1.6000000000000001E-3</v>
      </c>
      <c r="AT28" s="1"/>
      <c r="AU28" s="1"/>
      <c r="AV28" s="1"/>
      <c r="AW28" s="1"/>
      <c r="AX28" s="1"/>
      <c r="AY28" s="1"/>
      <c r="AZ28" s="1" t="s">
        <v>893</v>
      </c>
      <c r="BA28" s="1" t="s">
        <v>884</v>
      </c>
      <c r="BB28" s="1" t="s">
        <v>895</v>
      </c>
      <c r="BC28" s="1">
        <v>4.3</v>
      </c>
      <c r="BD28" s="1">
        <v>4.3</v>
      </c>
      <c r="BF28" s="1" t="s">
        <v>885</v>
      </c>
      <c r="BG28" s="1" t="s">
        <v>885</v>
      </c>
      <c r="BH28" s="1" t="s">
        <v>884</v>
      </c>
      <c r="BI28" s="1" t="s">
        <v>882</v>
      </c>
      <c r="BJ28" s="1"/>
      <c r="BK28" s="1"/>
      <c r="BL28" s="1"/>
      <c r="BM28" s="1" t="s">
        <v>900</v>
      </c>
      <c r="BN28" s="1">
        <v>1.4E-2</v>
      </c>
      <c r="BO28" s="1">
        <v>26</v>
      </c>
      <c r="BP28" s="1">
        <v>10</v>
      </c>
      <c r="BQ28" s="1"/>
      <c r="BR28" s="1">
        <v>0.03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6666666666666663</v>
      </c>
      <c r="C29" s="1" t="s">
        <v>855</v>
      </c>
      <c r="D29" s="1" t="s">
        <v>85</v>
      </c>
      <c r="E29" s="1" t="s">
        <v>28</v>
      </c>
      <c r="F29" s="1" t="s">
        <v>70</v>
      </c>
      <c r="G29" s="1" t="s">
        <v>392</v>
      </c>
      <c r="H29" s="1" t="s">
        <v>190</v>
      </c>
      <c r="I29" s="1" t="s">
        <v>622</v>
      </c>
      <c r="J29" s="1" t="s">
        <v>79</v>
      </c>
      <c r="K29" s="1" t="s">
        <v>276</v>
      </c>
      <c r="L29" s="1" t="s">
        <v>34</v>
      </c>
      <c r="N29" s="1" t="s">
        <v>35</v>
      </c>
      <c r="O29" s="1" t="s">
        <v>57</v>
      </c>
      <c r="P29" s="1" t="s">
        <v>37</v>
      </c>
      <c r="Q29" s="1" t="s">
        <v>81</v>
      </c>
      <c r="R29" s="1" t="s">
        <v>533</v>
      </c>
      <c r="S29" s="1" t="s">
        <v>245</v>
      </c>
      <c r="T29" s="1" t="s">
        <v>60</v>
      </c>
      <c r="U29" s="1">
        <v>10.3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27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1666666666666663</v>
      </c>
      <c r="C30" s="1" t="s">
        <v>855</v>
      </c>
      <c r="D30" s="1" t="s">
        <v>85</v>
      </c>
      <c r="E30" s="1" t="s">
        <v>28</v>
      </c>
      <c r="F30" s="1" t="s">
        <v>183</v>
      </c>
      <c r="G30" s="1" t="s">
        <v>319</v>
      </c>
      <c r="H30" s="1" t="s">
        <v>190</v>
      </c>
      <c r="I30" s="1" t="s">
        <v>622</v>
      </c>
      <c r="J30" s="1" t="s">
        <v>79</v>
      </c>
      <c r="K30" s="1" t="s">
        <v>309</v>
      </c>
      <c r="L30" s="1" t="s">
        <v>34</v>
      </c>
      <c r="N30" s="1" t="s">
        <v>35</v>
      </c>
      <c r="O30" s="1" t="s">
        <v>57</v>
      </c>
      <c r="P30" s="1" t="s">
        <v>37</v>
      </c>
      <c r="Q30" s="1" t="s">
        <v>210</v>
      </c>
      <c r="R30" s="1" t="s">
        <v>198</v>
      </c>
      <c r="S30" s="1" t="s">
        <v>82</v>
      </c>
      <c r="T30" s="1" t="s">
        <v>60</v>
      </c>
      <c r="U30" s="1">
        <v>8.1</v>
      </c>
      <c r="V30" s="1"/>
      <c r="W30" s="1"/>
      <c r="X30" s="1">
        <v>4.7</v>
      </c>
      <c r="Y30" s="1">
        <v>1.4999999999999999E-2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>
        <v>5.0000000000000001E-4</v>
      </c>
      <c r="AS30" s="1">
        <v>1.4E-3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27</v>
      </c>
      <c r="BP30" s="1">
        <v>9.8000000000000007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66</v>
      </c>
      <c r="B31" s="2">
        <v>0.16666666666666666</v>
      </c>
      <c r="C31" s="1" t="s">
        <v>855</v>
      </c>
      <c r="D31" s="1" t="s">
        <v>85</v>
      </c>
      <c r="E31" s="1" t="s">
        <v>28</v>
      </c>
      <c r="F31" s="1" t="s">
        <v>643</v>
      </c>
      <c r="G31" s="1" t="s">
        <v>43</v>
      </c>
      <c r="H31" s="1" t="s">
        <v>205</v>
      </c>
      <c r="I31" s="1" t="s">
        <v>622</v>
      </c>
      <c r="J31" s="1" t="s">
        <v>79</v>
      </c>
      <c r="K31" s="1" t="s">
        <v>309</v>
      </c>
      <c r="L31" s="1" t="s">
        <v>34</v>
      </c>
      <c r="N31" s="1" t="s">
        <v>35</v>
      </c>
      <c r="O31" s="1" t="s">
        <v>57</v>
      </c>
      <c r="P31" s="1" t="s">
        <v>37</v>
      </c>
      <c r="Q31" s="1" t="s">
        <v>210</v>
      </c>
      <c r="R31" s="1" t="s">
        <v>438</v>
      </c>
      <c r="S31" s="1" t="s">
        <v>245</v>
      </c>
      <c r="T31" s="1" t="s">
        <v>116</v>
      </c>
      <c r="U31" s="1">
        <v>8.1999999999999993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26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68</v>
      </c>
      <c r="B32" s="2">
        <v>0.41666666666666669</v>
      </c>
      <c r="C32" s="1" t="s">
        <v>855</v>
      </c>
      <c r="D32" s="1" t="s">
        <v>27</v>
      </c>
      <c r="E32" s="1" t="s">
        <v>856</v>
      </c>
      <c r="F32" s="1" t="s">
        <v>203</v>
      </c>
      <c r="G32" s="1" t="s">
        <v>43</v>
      </c>
      <c r="H32" s="1" t="s">
        <v>234</v>
      </c>
      <c r="I32" s="1" t="s">
        <v>468</v>
      </c>
      <c r="J32" s="1" t="s">
        <v>79</v>
      </c>
      <c r="K32" s="1" t="s">
        <v>100</v>
      </c>
      <c r="L32" s="1" t="s">
        <v>281</v>
      </c>
      <c r="N32" s="1" t="s">
        <v>35</v>
      </c>
      <c r="O32" s="1" t="s">
        <v>57</v>
      </c>
      <c r="P32" s="1" t="s">
        <v>439</v>
      </c>
      <c r="Q32" s="1" t="s">
        <v>171</v>
      </c>
      <c r="R32" s="1" t="s">
        <v>104</v>
      </c>
      <c r="S32" s="1" t="s">
        <v>121</v>
      </c>
      <c r="T32" s="1" t="s">
        <v>129</v>
      </c>
      <c r="U32" s="1">
        <v>11.3</v>
      </c>
      <c r="V32" s="4">
        <v>3300</v>
      </c>
      <c r="W32" s="1"/>
      <c r="X32" s="1">
        <v>4.5999999999999996</v>
      </c>
      <c r="Y32" s="1">
        <v>3.6999999999999998E-2</v>
      </c>
      <c r="Z32" s="1">
        <v>5.0000000000000001E-3</v>
      </c>
      <c r="AC32" s="1" t="s">
        <v>881</v>
      </c>
      <c r="AD32" s="1" t="s">
        <v>882</v>
      </c>
      <c r="AE32" s="1" t="s">
        <v>885</v>
      </c>
      <c r="AF32" s="1" t="s">
        <v>884</v>
      </c>
      <c r="AG32" s="1" t="s">
        <v>885</v>
      </c>
      <c r="AH32" s="1" t="s">
        <v>883</v>
      </c>
      <c r="AI32" s="1"/>
      <c r="AJ32" s="1"/>
      <c r="AK32" s="1"/>
      <c r="AL32" s="1" t="s">
        <v>888</v>
      </c>
      <c r="AM32" s="1"/>
      <c r="AN32" s="1"/>
      <c r="AO32" s="1"/>
      <c r="AP32" t="s">
        <v>888</v>
      </c>
      <c r="AQ32" s="1"/>
      <c r="AR32" s="1">
        <v>4.0000000000000002E-4</v>
      </c>
      <c r="AS32" s="1">
        <v>1.2999999999999999E-3</v>
      </c>
      <c r="AT32" s="1"/>
      <c r="AU32" s="1"/>
      <c r="AV32" s="1"/>
      <c r="AW32" s="1"/>
      <c r="AX32" s="1"/>
      <c r="AY32" s="1"/>
      <c r="AZ32" s="1"/>
      <c r="BA32" s="1"/>
      <c r="BB32" s="1" t="s">
        <v>895</v>
      </c>
      <c r="BC32" s="1">
        <v>4.0999999999999996</v>
      </c>
      <c r="BD32" s="1">
        <v>4.0999999999999996</v>
      </c>
      <c r="BF32" s="1"/>
      <c r="BG32" s="1"/>
      <c r="BH32" s="1"/>
      <c r="BI32" s="1"/>
      <c r="BJ32" s="1"/>
      <c r="BK32" s="1"/>
      <c r="BL32" s="1"/>
      <c r="BM32" s="1" t="s">
        <v>900</v>
      </c>
      <c r="BN32" s="1">
        <v>1.6E-2</v>
      </c>
      <c r="BO32" s="1">
        <v>25</v>
      </c>
      <c r="BP32" s="1">
        <v>9.9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6666666666666663</v>
      </c>
      <c r="C33" s="1" t="s">
        <v>855</v>
      </c>
      <c r="D33" s="1" t="s">
        <v>27</v>
      </c>
      <c r="E33" s="1" t="s">
        <v>856</v>
      </c>
      <c r="F33" s="1" t="s">
        <v>114</v>
      </c>
      <c r="G33" s="1" t="s">
        <v>43</v>
      </c>
      <c r="H33" s="1" t="s">
        <v>208</v>
      </c>
      <c r="I33" s="1" t="s">
        <v>205</v>
      </c>
      <c r="J33" s="1" t="s">
        <v>79</v>
      </c>
      <c r="K33" s="1" t="s">
        <v>80</v>
      </c>
      <c r="L33" s="1" t="s">
        <v>34</v>
      </c>
      <c r="N33" s="1" t="s">
        <v>35</v>
      </c>
      <c r="O33" s="1" t="s">
        <v>57</v>
      </c>
      <c r="P33" s="1" t="s">
        <v>37</v>
      </c>
      <c r="Q33" s="1" t="s">
        <v>210</v>
      </c>
      <c r="R33" s="1" t="s">
        <v>231</v>
      </c>
      <c r="S33" s="1" t="s">
        <v>162</v>
      </c>
      <c r="T33" s="1" t="s">
        <v>68</v>
      </c>
      <c r="U33" s="1">
        <v>10.199999999999999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26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1666666666666663</v>
      </c>
      <c r="C34" s="1" t="s">
        <v>855</v>
      </c>
      <c r="D34" s="1" t="s">
        <v>27</v>
      </c>
      <c r="E34" s="1" t="s">
        <v>856</v>
      </c>
      <c r="F34" s="1" t="s">
        <v>301</v>
      </c>
      <c r="G34" s="1" t="s">
        <v>635</v>
      </c>
      <c r="H34" s="1" t="s">
        <v>265</v>
      </c>
      <c r="I34" s="1" t="s">
        <v>205</v>
      </c>
      <c r="J34" s="1" t="s">
        <v>79</v>
      </c>
      <c r="K34" s="1" t="s">
        <v>100</v>
      </c>
      <c r="L34" s="1" t="s">
        <v>34</v>
      </c>
      <c r="N34" s="1" t="s">
        <v>35</v>
      </c>
      <c r="O34" s="1" t="s">
        <v>57</v>
      </c>
      <c r="P34" s="1" t="s">
        <v>37</v>
      </c>
      <c r="Q34" s="1" t="s">
        <v>186</v>
      </c>
      <c r="R34" s="1" t="s">
        <v>108</v>
      </c>
      <c r="S34" s="1" t="s">
        <v>172</v>
      </c>
      <c r="T34" s="1" t="s">
        <v>41</v>
      </c>
      <c r="U34" s="1">
        <v>7.9</v>
      </c>
      <c r="V34" s="1"/>
      <c r="W34" s="1"/>
      <c r="X34" s="1">
        <v>4.5999999999999996</v>
      </c>
      <c r="Y34" s="1">
        <v>2.5999999999999999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>
        <v>4.0000000000000002E-4</v>
      </c>
      <c r="AS34" s="1">
        <v>1E-3</v>
      </c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26</v>
      </c>
      <c r="BP34" s="1">
        <v>10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72</v>
      </c>
      <c r="B35" s="2">
        <v>0.16666666666666666</v>
      </c>
      <c r="C35" s="1" t="s">
        <v>855</v>
      </c>
      <c r="D35" s="1" t="s">
        <v>27</v>
      </c>
      <c r="E35" s="1" t="s">
        <v>856</v>
      </c>
      <c r="F35" s="1" t="s">
        <v>307</v>
      </c>
      <c r="G35" s="1" t="s">
        <v>635</v>
      </c>
      <c r="H35" s="1" t="s">
        <v>265</v>
      </c>
      <c r="I35" s="1" t="s">
        <v>209</v>
      </c>
      <c r="J35" s="1" t="s">
        <v>79</v>
      </c>
      <c r="K35" s="1" t="s">
        <v>100</v>
      </c>
      <c r="L35" s="1" t="s">
        <v>34</v>
      </c>
      <c r="N35" s="1" t="s">
        <v>35</v>
      </c>
      <c r="O35" s="1" t="s">
        <v>57</v>
      </c>
      <c r="P35" s="1" t="s">
        <v>37</v>
      </c>
      <c r="Q35" s="1" t="s">
        <v>145</v>
      </c>
      <c r="R35" s="1" t="s">
        <v>255</v>
      </c>
      <c r="S35" s="1" t="s">
        <v>90</v>
      </c>
      <c r="T35" s="1" t="s">
        <v>41</v>
      </c>
      <c r="U35" s="1">
        <v>7.9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27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37</v>
      </c>
      <c r="B36" s="2">
        <v>0.41666666666666669</v>
      </c>
      <c r="C36" s="1" t="s">
        <v>855</v>
      </c>
      <c r="D36" s="1" t="s">
        <v>85</v>
      </c>
      <c r="E36" s="1" t="s">
        <v>857</v>
      </c>
      <c r="F36" s="1" t="s">
        <v>29</v>
      </c>
      <c r="G36" s="1" t="s">
        <v>722</v>
      </c>
      <c r="H36" s="1" t="s">
        <v>33</v>
      </c>
      <c r="I36" s="1" t="s">
        <v>169</v>
      </c>
      <c r="J36" s="1" t="s">
        <v>79</v>
      </c>
      <c r="K36" s="1" t="s">
        <v>276</v>
      </c>
      <c r="L36" s="1" t="s">
        <v>34</v>
      </c>
      <c r="N36" s="1" t="s">
        <v>35</v>
      </c>
      <c r="O36" s="1" t="s">
        <v>57</v>
      </c>
      <c r="P36" s="1" t="s">
        <v>37</v>
      </c>
      <c r="Q36" s="1" t="s">
        <v>81</v>
      </c>
      <c r="R36" s="1" t="s">
        <v>151</v>
      </c>
      <c r="S36" s="1" t="s">
        <v>146</v>
      </c>
      <c r="T36" s="1" t="s">
        <v>639</v>
      </c>
      <c r="U36" s="1">
        <v>11.1</v>
      </c>
      <c r="V36" s="4">
        <v>13000</v>
      </c>
      <c r="W36" s="1"/>
      <c r="X36" s="1">
        <v>4.7</v>
      </c>
      <c r="Y36" s="1">
        <v>4.4999999999999998E-2</v>
      </c>
      <c r="Z36" s="1">
        <v>4.0000000000000001E-3</v>
      </c>
      <c r="AC36" s="1" t="s">
        <v>881</v>
      </c>
      <c r="AD36" s="1" t="s">
        <v>882</v>
      </c>
      <c r="AE36" s="1" t="s">
        <v>885</v>
      </c>
      <c r="AF36" s="1" t="s">
        <v>884</v>
      </c>
      <c r="AG36" s="1" t="s">
        <v>885</v>
      </c>
      <c r="AH36" s="1" t="s">
        <v>883</v>
      </c>
      <c r="AI36" s="1"/>
      <c r="AJ36" s="1"/>
      <c r="AK36" s="1"/>
      <c r="AL36" s="1" t="s">
        <v>888</v>
      </c>
      <c r="AM36" s="1"/>
      <c r="AN36" s="1"/>
      <c r="AO36" s="1"/>
      <c r="AP36" t="s">
        <v>888</v>
      </c>
      <c r="AQ36" s="1"/>
      <c r="AR36" s="1">
        <v>4.0000000000000002E-4</v>
      </c>
      <c r="AS36" s="1">
        <v>1.1999999999999999E-3</v>
      </c>
      <c r="AT36" s="1"/>
      <c r="AU36" s="1"/>
      <c r="AV36" s="1"/>
      <c r="AW36" s="1"/>
      <c r="AX36" s="1"/>
      <c r="AY36" s="1"/>
      <c r="AZ36" s="1" t="s">
        <v>893</v>
      </c>
      <c r="BA36" s="1" t="s">
        <v>884</v>
      </c>
      <c r="BB36" s="1" t="s">
        <v>895</v>
      </c>
      <c r="BC36" s="1">
        <v>4.2</v>
      </c>
      <c r="BD36" s="1">
        <v>4.2</v>
      </c>
      <c r="BF36" s="1" t="s">
        <v>885</v>
      </c>
      <c r="BG36" s="1" t="s">
        <v>885</v>
      </c>
      <c r="BH36" s="1" t="s">
        <v>884</v>
      </c>
      <c r="BI36" s="1" t="s">
        <v>882</v>
      </c>
      <c r="BJ36" s="1"/>
      <c r="BK36" s="1"/>
      <c r="BL36" s="1"/>
      <c r="BM36" s="1" t="s">
        <v>900</v>
      </c>
      <c r="BN36" s="1">
        <v>1.4E-2</v>
      </c>
      <c r="BO36" s="1">
        <v>26</v>
      </c>
      <c r="BP36" s="1">
        <v>10</v>
      </c>
      <c r="BQ36" s="1"/>
      <c r="BR36" s="1" t="s">
        <v>90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6666666666666663</v>
      </c>
      <c r="C37" s="1" t="s">
        <v>855</v>
      </c>
      <c r="D37" s="1" t="s">
        <v>85</v>
      </c>
      <c r="E37" s="1" t="s">
        <v>857</v>
      </c>
      <c r="F37" s="1" t="s">
        <v>319</v>
      </c>
      <c r="G37" s="1" t="s">
        <v>722</v>
      </c>
      <c r="H37" s="1" t="s">
        <v>331</v>
      </c>
      <c r="I37" s="1" t="s">
        <v>225</v>
      </c>
      <c r="J37" s="1" t="s">
        <v>79</v>
      </c>
      <c r="K37" s="1" t="s">
        <v>276</v>
      </c>
      <c r="L37" s="1" t="s">
        <v>34</v>
      </c>
      <c r="N37" s="1" t="s">
        <v>35</v>
      </c>
      <c r="O37" s="1" t="s">
        <v>57</v>
      </c>
      <c r="P37" s="1" t="s">
        <v>37</v>
      </c>
      <c r="Q37" s="1" t="s">
        <v>81</v>
      </c>
      <c r="R37" s="1" t="s">
        <v>104</v>
      </c>
      <c r="S37" s="1" t="s">
        <v>180</v>
      </c>
      <c r="T37" s="1" t="s">
        <v>174</v>
      </c>
      <c r="U37" s="1">
        <v>10.7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26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1666666666666663</v>
      </c>
      <c r="C38" s="1" t="s">
        <v>855</v>
      </c>
      <c r="D38" s="1" t="s">
        <v>85</v>
      </c>
      <c r="E38" s="1" t="s">
        <v>857</v>
      </c>
      <c r="F38" s="1" t="s">
        <v>283</v>
      </c>
      <c r="G38" s="1" t="s">
        <v>176</v>
      </c>
      <c r="H38" s="1" t="s">
        <v>309</v>
      </c>
      <c r="I38" s="1" t="s">
        <v>208</v>
      </c>
      <c r="J38" s="1" t="s">
        <v>79</v>
      </c>
      <c r="K38" s="1" t="s">
        <v>302</v>
      </c>
      <c r="L38" s="1" t="s">
        <v>34</v>
      </c>
      <c r="N38" s="1" t="s">
        <v>35</v>
      </c>
      <c r="O38" s="1" t="s">
        <v>57</v>
      </c>
      <c r="P38" s="1" t="s">
        <v>37</v>
      </c>
      <c r="Q38" s="1" t="s">
        <v>145</v>
      </c>
      <c r="R38" s="1" t="s">
        <v>245</v>
      </c>
      <c r="S38" s="1" t="s">
        <v>146</v>
      </c>
      <c r="T38" s="1" t="s">
        <v>41</v>
      </c>
      <c r="U38" s="1">
        <v>7.7</v>
      </c>
      <c r="V38" s="1"/>
      <c r="W38" s="1"/>
      <c r="X38" s="1">
        <v>4.5</v>
      </c>
      <c r="Y38" s="1">
        <v>2.1000000000000001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>
        <v>5.0000000000000001E-4</v>
      </c>
      <c r="AS38" s="1">
        <v>1.1999999999999999E-3</v>
      </c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28</v>
      </c>
      <c r="BP38" s="1">
        <v>12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84</v>
      </c>
      <c r="B39" s="2">
        <v>0.16666666666666666</v>
      </c>
      <c r="C39" s="1" t="s">
        <v>855</v>
      </c>
      <c r="D39" s="1" t="s">
        <v>85</v>
      </c>
      <c r="E39" s="1" t="s">
        <v>857</v>
      </c>
      <c r="F39" s="1" t="s">
        <v>142</v>
      </c>
      <c r="G39" s="1" t="s">
        <v>188</v>
      </c>
      <c r="H39" s="1" t="s">
        <v>224</v>
      </c>
      <c r="I39" s="1" t="s">
        <v>265</v>
      </c>
      <c r="J39" s="1" t="s">
        <v>79</v>
      </c>
      <c r="K39" s="1" t="s">
        <v>100</v>
      </c>
      <c r="L39" s="1" t="s">
        <v>34</v>
      </c>
      <c r="N39" s="1" t="s">
        <v>35</v>
      </c>
      <c r="O39" s="1" t="s">
        <v>57</v>
      </c>
      <c r="P39" s="1" t="s">
        <v>37</v>
      </c>
      <c r="Q39" s="1" t="s">
        <v>145</v>
      </c>
      <c r="R39" s="1" t="s">
        <v>101</v>
      </c>
      <c r="S39" s="1" t="s">
        <v>172</v>
      </c>
      <c r="T39" s="1" t="s">
        <v>41</v>
      </c>
      <c r="U39" s="1">
        <v>7.9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27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44</v>
      </c>
      <c r="B40" s="2">
        <v>0.41666666666666669</v>
      </c>
      <c r="C40" s="1" t="s">
        <v>855</v>
      </c>
      <c r="D40" s="1" t="s">
        <v>27</v>
      </c>
      <c r="E40" s="1" t="s">
        <v>28</v>
      </c>
      <c r="F40" s="1" t="s">
        <v>288</v>
      </c>
      <c r="G40" s="1" t="s">
        <v>130</v>
      </c>
      <c r="H40" s="1" t="s">
        <v>302</v>
      </c>
      <c r="I40" s="1" t="s">
        <v>74</v>
      </c>
      <c r="J40" s="1" t="s">
        <v>79</v>
      </c>
      <c r="K40" s="1" t="s">
        <v>65</v>
      </c>
      <c r="L40" s="1" t="s">
        <v>34</v>
      </c>
      <c r="N40" s="1" t="s">
        <v>35</v>
      </c>
      <c r="O40" s="1" t="s">
        <v>57</v>
      </c>
      <c r="P40" s="1" t="s">
        <v>37</v>
      </c>
      <c r="Q40" s="1" t="s">
        <v>81</v>
      </c>
      <c r="R40" s="1" t="s">
        <v>104</v>
      </c>
      <c r="S40" s="1" t="s">
        <v>39</v>
      </c>
      <c r="T40" s="1" t="s">
        <v>68</v>
      </c>
      <c r="U40" s="1">
        <v>13.2</v>
      </c>
      <c r="V40" s="4">
        <v>1100</v>
      </c>
      <c r="W40" s="1"/>
      <c r="X40" s="1">
        <v>4.5</v>
      </c>
      <c r="Y40" s="1">
        <v>2.9000000000000001E-2</v>
      </c>
      <c r="Z40" s="1">
        <v>2E-3</v>
      </c>
      <c r="AC40" s="1" t="s">
        <v>881</v>
      </c>
      <c r="AD40" s="1" t="s">
        <v>882</v>
      </c>
      <c r="AE40" s="1" t="s">
        <v>885</v>
      </c>
      <c r="AF40" s="1" t="s">
        <v>884</v>
      </c>
      <c r="AG40" s="1" t="s">
        <v>885</v>
      </c>
      <c r="AH40" s="1" t="s">
        <v>883</v>
      </c>
      <c r="AI40" s="1"/>
      <c r="AJ40" s="1"/>
      <c r="AK40" s="1"/>
      <c r="AL40" s="1" t="s">
        <v>888</v>
      </c>
      <c r="AM40" s="1"/>
      <c r="AN40" s="1"/>
      <c r="AO40" s="1"/>
      <c r="AP40" t="s">
        <v>888</v>
      </c>
      <c r="AQ40" s="1"/>
      <c r="AR40" s="1">
        <v>2.9999999999999997E-4</v>
      </c>
      <c r="AS40" s="1">
        <v>8.9999999999999998E-4</v>
      </c>
      <c r="AT40" s="1"/>
      <c r="AU40" s="1"/>
      <c r="AV40" s="1"/>
      <c r="AW40" s="1"/>
      <c r="AX40" s="1"/>
      <c r="AY40" s="1"/>
      <c r="AZ40" s="1"/>
      <c r="BA40" s="1"/>
      <c r="BB40" s="1" t="s">
        <v>895</v>
      </c>
      <c r="BC40" s="1">
        <v>4.3</v>
      </c>
      <c r="BD40" s="1">
        <v>4.3</v>
      </c>
      <c r="BF40" s="1"/>
      <c r="BG40" s="1"/>
      <c r="BH40" s="1"/>
      <c r="BI40" s="1"/>
      <c r="BJ40" s="1"/>
      <c r="BK40" s="1"/>
      <c r="BL40" s="1"/>
      <c r="BM40" s="1">
        <v>0.04</v>
      </c>
      <c r="BN40" s="1">
        <v>8.9999999999999993E-3</v>
      </c>
      <c r="BO40" s="1">
        <v>26</v>
      </c>
      <c r="BP40" s="1">
        <v>10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6666666666666663</v>
      </c>
      <c r="C41" s="1" t="s">
        <v>855</v>
      </c>
      <c r="D41" s="1" t="s">
        <v>27</v>
      </c>
      <c r="E41" s="1" t="s">
        <v>28</v>
      </c>
      <c r="F41" s="1" t="s">
        <v>128</v>
      </c>
      <c r="G41" s="1" t="s">
        <v>142</v>
      </c>
      <c r="H41" s="1" t="s">
        <v>100</v>
      </c>
      <c r="I41" s="1" t="s">
        <v>224</v>
      </c>
      <c r="J41" s="1" t="s">
        <v>79</v>
      </c>
      <c r="K41" s="1" t="s">
        <v>88</v>
      </c>
      <c r="L41" s="1" t="s">
        <v>34</v>
      </c>
      <c r="N41" s="1" t="s">
        <v>35</v>
      </c>
      <c r="O41" s="1" t="s">
        <v>57</v>
      </c>
      <c r="P41" s="1" t="s">
        <v>37</v>
      </c>
      <c r="Q41" s="1" t="s">
        <v>140</v>
      </c>
      <c r="R41" s="1" t="s">
        <v>108</v>
      </c>
      <c r="S41" s="1" t="s">
        <v>192</v>
      </c>
      <c r="T41" s="1" t="s">
        <v>60</v>
      </c>
      <c r="U41" s="1">
        <v>12.2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26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1666666666666663</v>
      </c>
      <c r="C42" s="1" t="s">
        <v>855</v>
      </c>
      <c r="D42" s="1" t="s">
        <v>27</v>
      </c>
      <c r="E42" s="1" t="s">
        <v>28</v>
      </c>
      <c r="F42" s="1" t="s">
        <v>39</v>
      </c>
      <c r="G42" s="1" t="s">
        <v>285</v>
      </c>
      <c r="H42" s="1" t="s">
        <v>309</v>
      </c>
      <c r="I42" s="1" t="s">
        <v>331</v>
      </c>
      <c r="J42" s="1" t="s">
        <v>79</v>
      </c>
      <c r="K42" s="1" t="s">
        <v>88</v>
      </c>
      <c r="L42" s="1" t="s">
        <v>34</v>
      </c>
      <c r="N42" s="1" t="s">
        <v>35</v>
      </c>
      <c r="O42" s="1" t="s">
        <v>57</v>
      </c>
      <c r="P42" s="1" t="s">
        <v>37</v>
      </c>
      <c r="Q42" s="1" t="s">
        <v>191</v>
      </c>
      <c r="R42" s="1" t="s">
        <v>101</v>
      </c>
      <c r="S42" s="1" t="s">
        <v>162</v>
      </c>
      <c r="T42" s="1" t="s">
        <v>60</v>
      </c>
      <c r="U42" s="1">
        <v>8.9</v>
      </c>
      <c r="V42" s="1"/>
      <c r="W42" s="1"/>
      <c r="X42" s="1">
        <v>4.5</v>
      </c>
      <c r="Y42" s="1">
        <v>1.4999999999999999E-2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>
        <v>2.9999999999999997E-4</v>
      </c>
      <c r="AS42" s="1">
        <v>8.9999999999999998E-4</v>
      </c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28</v>
      </c>
      <c r="BP42" s="1">
        <v>12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93</v>
      </c>
      <c r="B43" s="2">
        <v>0.16666666666666666</v>
      </c>
      <c r="C43" s="1" t="s">
        <v>855</v>
      </c>
      <c r="D43" s="1" t="s">
        <v>27</v>
      </c>
      <c r="E43" s="1" t="s">
        <v>28</v>
      </c>
      <c r="F43" s="1" t="s">
        <v>736</v>
      </c>
      <c r="G43" s="1" t="s">
        <v>737</v>
      </c>
      <c r="H43" s="1" t="s">
        <v>100</v>
      </c>
      <c r="I43" s="1" t="s">
        <v>224</v>
      </c>
      <c r="J43" s="1" t="s">
        <v>79</v>
      </c>
      <c r="K43" s="1" t="s">
        <v>88</v>
      </c>
      <c r="L43" s="1" t="s">
        <v>34</v>
      </c>
      <c r="N43" s="1" t="s">
        <v>35</v>
      </c>
      <c r="O43" s="1" t="s">
        <v>57</v>
      </c>
      <c r="P43" s="1" t="s">
        <v>37</v>
      </c>
      <c r="Q43" s="1" t="s">
        <v>145</v>
      </c>
      <c r="R43" s="1" t="s">
        <v>108</v>
      </c>
      <c r="S43" s="1" t="s">
        <v>162</v>
      </c>
      <c r="T43" s="1" t="s">
        <v>60</v>
      </c>
      <c r="U43" s="1">
        <v>9.1999999999999993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27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95</v>
      </c>
      <c r="B44" s="2">
        <v>0.44097222222222227</v>
      </c>
      <c r="C44" s="1" t="s">
        <v>855</v>
      </c>
      <c r="D44" s="1" t="s">
        <v>85</v>
      </c>
      <c r="E44" s="1" t="s">
        <v>28</v>
      </c>
      <c r="F44" s="1" t="s">
        <v>171</v>
      </c>
      <c r="G44" s="1" t="s">
        <v>153</v>
      </c>
      <c r="H44" s="1" t="s">
        <v>309</v>
      </c>
      <c r="I44" s="1" t="s">
        <v>224</v>
      </c>
      <c r="J44" s="1" t="s">
        <v>79</v>
      </c>
      <c r="K44" s="1" t="s">
        <v>65</v>
      </c>
      <c r="L44" s="1" t="s">
        <v>34</v>
      </c>
      <c r="N44" s="1" t="s">
        <v>35</v>
      </c>
      <c r="O44" s="1" t="s">
        <v>57</v>
      </c>
      <c r="P44" s="1" t="s">
        <v>37</v>
      </c>
      <c r="Q44" s="1" t="s">
        <v>81</v>
      </c>
      <c r="R44" s="1" t="s">
        <v>101</v>
      </c>
      <c r="S44" s="1" t="s">
        <v>172</v>
      </c>
      <c r="T44" s="1" t="s">
        <v>68</v>
      </c>
      <c r="U44" s="1">
        <v>13.4</v>
      </c>
      <c r="V44" s="4">
        <v>700</v>
      </c>
      <c r="W44" s="1" t="s">
        <v>887</v>
      </c>
      <c r="X44" s="1">
        <v>4</v>
      </c>
      <c r="Y44" s="1">
        <v>2.3E-2</v>
      </c>
      <c r="Z44" s="1">
        <v>2E-3</v>
      </c>
      <c r="AA44" t="s">
        <v>926</v>
      </c>
      <c r="AB44" t="s">
        <v>959</v>
      </c>
      <c r="AC44" s="1" t="s">
        <v>881</v>
      </c>
      <c r="AD44" s="1" t="s">
        <v>882</v>
      </c>
      <c r="AE44" s="1" t="s">
        <v>885</v>
      </c>
      <c r="AF44" s="1" t="s">
        <v>884</v>
      </c>
      <c r="AG44" s="1" t="s">
        <v>885</v>
      </c>
      <c r="AH44" s="1" t="s">
        <v>883</v>
      </c>
      <c r="AI44" s="1"/>
      <c r="AJ44" s="1" t="s">
        <v>883</v>
      </c>
      <c r="AK44" s="1" t="s">
        <v>888</v>
      </c>
      <c r="AL44" s="1" t="s">
        <v>888</v>
      </c>
      <c r="AM44" s="1" t="s">
        <v>888</v>
      </c>
      <c r="AN44" s="1" t="s">
        <v>888</v>
      </c>
      <c r="AO44" s="1">
        <v>2.9999999999999997E-4</v>
      </c>
      <c r="AP44" t="s">
        <v>888</v>
      </c>
      <c r="AQ44" s="1" t="s">
        <v>888</v>
      </c>
      <c r="AR44" s="1">
        <v>5.0000000000000001E-4</v>
      </c>
      <c r="AS44" s="1">
        <v>1.1000000000000001E-3</v>
      </c>
      <c r="AT44" s="1" t="s">
        <v>896</v>
      </c>
      <c r="AU44" s="1" t="s">
        <v>883</v>
      </c>
      <c r="AV44" s="1" t="s">
        <v>881</v>
      </c>
      <c r="AW44" s="1" t="s">
        <v>881</v>
      </c>
      <c r="AX44" s="1" t="s">
        <v>888</v>
      </c>
      <c r="AY44" s="1" t="s">
        <v>894</v>
      </c>
      <c r="AZ44" s="1" t="s">
        <v>893</v>
      </c>
      <c r="BA44" s="1" t="s">
        <v>884</v>
      </c>
      <c r="BB44" s="1" t="s">
        <v>895</v>
      </c>
      <c r="BC44" s="1">
        <v>4</v>
      </c>
      <c r="BD44" s="1">
        <v>4</v>
      </c>
      <c r="BE44" t="s">
        <v>885</v>
      </c>
      <c r="BF44" s="1" t="s">
        <v>885</v>
      </c>
      <c r="BG44" s="1" t="s">
        <v>885</v>
      </c>
      <c r="BH44" s="1" t="s">
        <v>884</v>
      </c>
      <c r="BI44" s="1" t="s">
        <v>882</v>
      </c>
      <c r="BJ44" s="1"/>
      <c r="BK44" s="1"/>
      <c r="BL44" s="1" t="s">
        <v>902</v>
      </c>
      <c r="BM44" s="1">
        <v>0.04</v>
      </c>
      <c r="BN44" s="1">
        <v>0.01</v>
      </c>
      <c r="BO44" s="1">
        <v>27</v>
      </c>
      <c r="BP44" s="1">
        <v>10</v>
      </c>
      <c r="BQ44" s="1"/>
      <c r="BR44" s="1" t="s">
        <v>901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6666666666666663</v>
      </c>
      <c r="C45" s="1" t="s">
        <v>855</v>
      </c>
      <c r="D45" s="1" t="s">
        <v>85</v>
      </c>
      <c r="E45" s="1" t="s">
        <v>28</v>
      </c>
      <c r="F45" s="1" t="s">
        <v>165</v>
      </c>
      <c r="G45" s="1" t="s">
        <v>117</v>
      </c>
      <c r="H45" s="1" t="s">
        <v>33</v>
      </c>
      <c r="I45" s="1" t="s">
        <v>258</v>
      </c>
      <c r="J45" s="1" t="s">
        <v>79</v>
      </c>
      <c r="K45" s="1" t="s">
        <v>88</v>
      </c>
      <c r="L45" s="1" t="s">
        <v>34</v>
      </c>
      <c r="N45" s="1" t="s">
        <v>35</v>
      </c>
      <c r="O45" s="1" t="s">
        <v>57</v>
      </c>
      <c r="P45" s="1" t="s">
        <v>37</v>
      </c>
      <c r="Q45" s="1" t="s">
        <v>58</v>
      </c>
      <c r="R45" s="1" t="s">
        <v>108</v>
      </c>
      <c r="S45" s="1" t="s">
        <v>196</v>
      </c>
      <c r="T45" s="1" t="s">
        <v>68</v>
      </c>
      <c r="U45" s="1">
        <v>15.4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26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1666666666666663</v>
      </c>
      <c r="C46" s="1" t="s">
        <v>855</v>
      </c>
      <c r="D46" s="1" t="s">
        <v>85</v>
      </c>
      <c r="E46" s="1" t="s">
        <v>28</v>
      </c>
      <c r="F46" s="1" t="s">
        <v>297</v>
      </c>
      <c r="G46" s="1" t="s">
        <v>142</v>
      </c>
      <c r="H46" s="1" t="s">
        <v>33</v>
      </c>
      <c r="I46" s="1" t="s">
        <v>331</v>
      </c>
      <c r="J46" s="1" t="s">
        <v>79</v>
      </c>
      <c r="K46" s="1" t="s">
        <v>88</v>
      </c>
      <c r="L46" s="1" t="s">
        <v>34</v>
      </c>
      <c r="N46" s="1" t="s">
        <v>35</v>
      </c>
      <c r="O46" s="1" t="s">
        <v>57</v>
      </c>
      <c r="P46" s="1" t="s">
        <v>37</v>
      </c>
      <c r="Q46" s="1" t="s">
        <v>186</v>
      </c>
      <c r="R46" s="1" t="s">
        <v>245</v>
      </c>
      <c r="S46" s="1" t="s">
        <v>192</v>
      </c>
      <c r="T46" s="1" t="s">
        <v>60</v>
      </c>
      <c r="U46" s="1">
        <v>8</v>
      </c>
      <c r="V46" s="1"/>
      <c r="W46" s="1" t="s">
        <v>887</v>
      </c>
      <c r="X46" s="1">
        <v>5</v>
      </c>
      <c r="Y46" s="1">
        <v>1.7999999999999999E-2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>
        <v>5.0000000000000001E-4</v>
      </c>
      <c r="AS46" s="1">
        <v>1.1999999999999999E-3</v>
      </c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28</v>
      </c>
      <c r="BP46" s="1">
        <v>12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98</v>
      </c>
      <c r="B47" s="2">
        <v>0.16666666666666666</v>
      </c>
      <c r="C47" s="1" t="s">
        <v>855</v>
      </c>
      <c r="D47" s="1" t="s">
        <v>85</v>
      </c>
      <c r="E47" s="1" t="s">
        <v>28</v>
      </c>
      <c r="F47" s="1" t="s">
        <v>156</v>
      </c>
      <c r="G47" s="1" t="s">
        <v>738</v>
      </c>
      <c r="H47" s="1" t="s">
        <v>309</v>
      </c>
      <c r="I47" s="1" t="s">
        <v>258</v>
      </c>
      <c r="J47" s="1" t="s">
        <v>79</v>
      </c>
      <c r="K47" s="1" t="s">
        <v>88</v>
      </c>
      <c r="L47" s="1" t="s">
        <v>34</v>
      </c>
      <c r="N47" s="1" t="s">
        <v>35</v>
      </c>
      <c r="O47" s="1" t="s">
        <v>57</v>
      </c>
      <c r="P47" s="1" t="s">
        <v>37</v>
      </c>
      <c r="Q47" s="1" t="s">
        <v>186</v>
      </c>
      <c r="R47" s="1" t="s">
        <v>104</v>
      </c>
      <c r="S47" s="1" t="s">
        <v>39</v>
      </c>
      <c r="T47" s="1" t="s">
        <v>41</v>
      </c>
      <c r="U47" s="1">
        <v>8.1999999999999993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29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8</v>
      </c>
      <c r="B48" s="2">
        <v>0.4236111111111111</v>
      </c>
      <c r="C48" s="1" t="s">
        <v>855</v>
      </c>
      <c r="D48" s="1" t="s">
        <v>85</v>
      </c>
      <c r="E48" s="1" t="s">
        <v>857</v>
      </c>
      <c r="F48" s="1" t="s">
        <v>130</v>
      </c>
      <c r="G48" s="1" t="s">
        <v>125</v>
      </c>
      <c r="H48" s="1" t="s">
        <v>276</v>
      </c>
      <c r="I48" s="1" t="s">
        <v>254</v>
      </c>
      <c r="J48" s="1" t="s">
        <v>79</v>
      </c>
      <c r="K48" s="1" t="s">
        <v>302</v>
      </c>
      <c r="L48" s="1" t="s">
        <v>34</v>
      </c>
      <c r="N48" s="1" t="s">
        <v>35</v>
      </c>
      <c r="O48" s="1" t="s">
        <v>57</v>
      </c>
      <c r="P48" s="1" t="s">
        <v>37</v>
      </c>
      <c r="Q48" s="1" t="s">
        <v>81</v>
      </c>
      <c r="R48" s="1" t="s">
        <v>245</v>
      </c>
      <c r="S48" s="1" t="s">
        <v>115</v>
      </c>
      <c r="T48" s="1" t="s">
        <v>129</v>
      </c>
      <c r="U48" s="1">
        <v>12</v>
      </c>
      <c r="V48" s="4">
        <v>2300</v>
      </c>
      <c r="W48" s="1"/>
      <c r="X48" s="1">
        <v>4.4000000000000004</v>
      </c>
      <c r="Y48" s="1">
        <v>3.3000000000000002E-2</v>
      </c>
      <c r="Z48" s="1">
        <v>5.0000000000000001E-3</v>
      </c>
      <c r="AC48" s="1" t="s">
        <v>881</v>
      </c>
      <c r="AD48" s="1" t="s">
        <v>882</v>
      </c>
      <c r="AE48" s="1" t="s">
        <v>885</v>
      </c>
      <c r="AF48" s="1" t="s">
        <v>884</v>
      </c>
      <c r="AG48" s="1" t="s">
        <v>885</v>
      </c>
      <c r="AH48" s="1" t="s">
        <v>883</v>
      </c>
      <c r="AI48" s="1"/>
      <c r="AJ48" s="1"/>
      <c r="AK48" s="1"/>
      <c r="AL48" s="1" t="s">
        <v>888</v>
      </c>
      <c r="AM48" s="1"/>
      <c r="AN48" s="1"/>
      <c r="AO48" s="1"/>
      <c r="AP48" t="s">
        <v>888</v>
      </c>
      <c r="AQ48" s="1"/>
      <c r="AR48" s="1">
        <v>5.0000000000000001E-4</v>
      </c>
      <c r="AS48" s="1">
        <v>1.1999999999999999E-3</v>
      </c>
      <c r="AT48" s="1"/>
      <c r="AU48" s="1"/>
      <c r="AV48" s="1"/>
      <c r="AW48" s="1"/>
      <c r="AX48" s="1"/>
      <c r="AY48" s="1"/>
      <c r="AZ48" s="1"/>
      <c r="BA48" s="1"/>
      <c r="BB48" s="1" t="s">
        <v>895</v>
      </c>
      <c r="BC48" s="1">
        <v>4</v>
      </c>
      <c r="BD48" s="1">
        <v>4</v>
      </c>
      <c r="BF48" s="1"/>
      <c r="BG48" s="1"/>
      <c r="BH48" s="1"/>
      <c r="BI48" s="1"/>
      <c r="BJ48" s="1"/>
      <c r="BK48" s="1"/>
      <c r="BL48" s="1"/>
      <c r="BM48" s="1" t="s">
        <v>900</v>
      </c>
      <c r="BN48" s="1">
        <v>8.9999999999999993E-3</v>
      </c>
      <c r="BO48" s="1">
        <v>26</v>
      </c>
      <c r="BP48" s="1">
        <v>10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6666666666666663</v>
      </c>
      <c r="C49" s="1" t="s">
        <v>855</v>
      </c>
      <c r="D49" s="1" t="s">
        <v>85</v>
      </c>
      <c r="E49" s="1" t="s">
        <v>857</v>
      </c>
      <c r="F49" s="1" t="s">
        <v>739</v>
      </c>
      <c r="G49" s="1" t="s">
        <v>324</v>
      </c>
      <c r="H49" s="1" t="s">
        <v>276</v>
      </c>
      <c r="I49" s="1" t="s">
        <v>345</v>
      </c>
      <c r="J49" s="1" t="s">
        <v>79</v>
      </c>
      <c r="K49" s="1" t="s">
        <v>302</v>
      </c>
      <c r="L49" s="1" t="s">
        <v>34</v>
      </c>
      <c r="N49" s="1" t="s">
        <v>35</v>
      </c>
      <c r="O49" s="1" t="s">
        <v>57</v>
      </c>
      <c r="P49" s="1" t="s">
        <v>37</v>
      </c>
      <c r="Q49" s="1" t="s">
        <v>38</v>
      </c>
      <c r="R49" s="1" t="s">
        <v>245</v>
      </c>
      <c r="S49" s="1" t="s">
        <v>192</v>
      </c>
      <c r="T49" s="1" t="s">
        <v>68</v>
      </c>
      <c r="U49" s="1">
        <v>13.5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26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1666666666666663</v>
      </c>
      <c r="C50" s="1" t="s">
        <v>855</v>
      </c>
      <c r="D50" s="1" t="s">
        <v>164</v>
      </c>
      <c r="E50" s="1" t="s">
        <v>857</v>
      </c>
      <c r="F50" s="1" t="s">
        <v>429</v>
      </c>
      <c r="G50" s="1" t="s">
        <v>740</v>
      </c>
      <c r="H50" s="1" t="s">
        <v>74</v>
      </c>
      <c r="I50" s="1" t="s">
        <v>331</v>
      </c>
      <c r="J50" s="1" t="s">
        <v>79</v>
      </c>
      <c r="K50" s="1" t="s">
        <v>88</v>
      </c>
      <c r="L50" s="1" t="s">
        <v>34</v>
      </c>
      <c r="N50" s="1" t="s">
        <v>35</v>
      </c>
      <c r="O50" s="1" t="s">
        <v>57</v>
      </c>
      <c r="P50" s="1" t="s">
        <v>37</v>
      </c>
      <c r="Q50" s="1" t="s">
        <v>145</v>
      </c>
      <c r="R50" s="1" t="s">
        <v>101</v>
      </c>
      <c r="S50" s="1" t="s">
        <v>146</v>
      </c>
      <c r="T50" s="1" t="s">
        <v>41</v>
      </c>
      <c r="U50" s="1">
        <v>7.3</v>
      </c>
      <c r="V50" s="1"/>
      <c r="W50" s="1"/>
      <c r="X50" s="1">
        <v>5.0999999999999996</v>
      </c>
      <c r="Y50" s="1">
        <v>0.02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>
        <v>5.0000000000000001E-4</v>
      </c>
      <c r="AS50" s="1">
        <v>1.2999999999999999E-3</v>
      </c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28</v>
      </c>
      <c r="BP50" s="1">
        <v>11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06</v>
      </c>
      <c r="B51" s="2">
        <v>0.16666666666666666</v>
      </c>
      <c r="C51" s="1" t="s">
        <v>855</v>
      </c>
      <c r="D51" s="1" t="s">
        <v>164</v>
      </c>
      <c r="E51" s="1" t="s">
        <v>857</v>
      </c>
      <c r="F51" s="1" t="s">
        <v>89</v>
      </c>
      <c r="G51" s="1" t="s">
        <v>662</v>
      </c>
      <c r="H51" s="1" t="s">
        <v>352</v>
      </c>
      <c r="I51" s="1" t="s">
        <v>741</v>
      </c>
      <c r="J51" s="1" t="s">
        <v>32</v>
      </c>
      <c r="K51" s="1" t="s">
        <v>345</v>
      </c>
      <c r="L51" s="1" t="s">
        <v>310</v>
      </c>
      <c r="N51" s="1" t="s">
        <v>311</v>
      </c>
      <c r="O51" s="1" t="s">
        <v>742</v>
      </c>
      <c r="P51" s="1" t="s">
        <v>37</v>
      </c>
      <c r="Q51" s="1" t="s">
        <v>191</v>
      </c>
      <c r="R51" s="1" t="s">
        <v>220</v>
      </c>
      <c r="S51" s="1" t="s">
        <v>76</v>
      </c>
      <c r="T51" s="1" t="s">
        <v>743</v>
      </c>
      <c r="U51" s="1">
        <v>9.1999999999999993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15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</sheetData>
  <phoneticPr fontId="18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3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3</v>
      </c>
      <c r="C1" s="1" t="s">
        <v>1</v>
      </c>
      <c r="D1" s="1" t="s">
        <v>875</v>
      </c>
      <c r="E1" s="1" t="s">
        <v>2</v>
      </c>
      <c r="F1" s="1" t="s">
        <v>866</v>
      </c>
      <c r="G1" s="1" t="s">
        <v>3</v>
      </c>
      <c r="H1" s="1" t="s">
        <v>86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3</v>
      </c>
      <c r="AB2" s="1" t="s">
        <v>922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9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54166666666666663</v>
      </c>
      <c r="C4" s="1" t="s">
        <v>855</v>
      </c>
      <c r="D4" s="1" t="s">
        <v>85</v>
      </c>
      <c r="E4" s="1" t="s">
        <v>28</v>
      </c>
      <c r="F4" s="1" t="s">
        <v>249</v>
      </c>
      <c r="G4" s="1" t="s">
        <v>167</v>
      </c>
      <c r="H4" s="1" t="s">
        <v>265</v>
      </c>
      <c r="I4" s="1" t="s">
        <v>744</v>
      </c>
      <c r="J4" s="1" t="s">
        <v>44</v>
      </c>
      <c r="K4" s="1" t="s">
        <v>208</v>
      </c>
      <c r="L4" s="1" t="s">
        <v>34</v>
      </c>
      <c r="N4" s="1" t="s">
        <v>35</v>
      </c>
      <c r="O4" s="1" t="s">
        <v>278</v>
      </c>
      <c r="P4" s="1" t="s">
        <v>37</v>
      </c>
      <c r="Q4" s="1" t="s">
        <v>171</v>
      </c>
      <c r="R4" s="1" t="s">
        <v>163</v>
      </c>
      <c r="S4" s="1" t="s">
        <v>529</v>
      </c>
      <c r="T4" s="1" t="s">
        <v>136</v>
      </c>
      <c r="U4" s="1">
        <v>8.9</v>
      </c>
      <c r="V4" s="4">
        <v>14000</v>
      </c>
      <c r="W4" s="1"/>
      <c r="X4" s="1">
        <v>5.5</v>
      </c>
      <c r="Y4" s="1">
        <v>0.17</v>
      </c>
      <c r="Z4" s="1">
        <v>1.7999999999999999E-2</v>
      </c>
      <c r="AA4" s="1" t="s">
        <v>926</v>
      </c>
      <c r="AB4" s="1" t="s">
        <v>960</v>
      </c>
      <c r="AC4" s="1" t="s">
        <v>881</v>
      </c>
      <c r="AD4" s="1" t="s">
        <v>882</v>
      </c>
      <c r="AE4" s="1" t="s">
        <v>883</v>
      </c>
      <c r="AF4" s="1" t="s">
        <v>884</v>
      </c>
      <c r="AG4" s="1" t="s">
        <v>883</v>
      </c>
      <c r="AH4" s="1" t="s">
        <v>883</v>
      </c>
      <c r="AI4" s="1"/>
      <c r="AJ4" s="1"/>
      <c r="AK4" s="1"/>
      <c r="AL4" s="1" t="s">
        <v>888</v>
      </c>
      <c r="AM4" s="1"/>
      <c r="AN4" s="1"/>
      <c r="AO4" s="1"/>
      <c r="AP4" t="s">
        <v>888</v>
      </c>
      <c r="AQ4" s="1"/>
      <c r="AR4" s="1" t="s">
        <v>888</v>
      </c>
      <c r="AS4" s="1">
        <v>5.0000000000000001E-4</v>
      </c>
      <c r="AT4" s="1"/>
      <c r="AU4" s="1"/>
      <c r="AV4" s="1"/>
      <c r="AW4" s="1"/>
      <c r="AX4" s="1"/>
      <c r="AY4" s="1"/>
      <c r="AZ4" s="1" t="s">
        <v>893</v>
      </c>
      <c r="BA4" s="1">
        <v>1.9E-2</v>
      </c>
      <c r="BB4" s="1">
        <v>0.24</v>
      </c>
      <c r="BC4" s="1">
        <v>4.4000000000000004</v>
      </c>
      <c r="BD4" s="1">
        <v>4.5999999999999996</v>
      </c>
      <c r="BE4" s="1"/>
      <c r="BF4" s="1" t="s">
        <v>885</v>
      </c>
      <c r="BG4" s="1">
        <v>5.1999999999999998E-3</v>
      </c>
      <c r="BH4" s="1" t="s">
        <v>884</v>
      </c>
      <c r="BI4" s="1" t="s">
        <v>882</v>
      </c>
      <c r="BJ4" s="1"/>
      <c r="BK4" s="1"/>
      <c r="BL4" s="1"/>
      <c r="BM4" s="1">
        <v>0.57999999999999996</v>
      </c>
      <c r="BN4" s="1">
        <v>0.11</v>
      </c>
      <c r="BO4" s="1">
        <v>34</v>
      </c>
      <c r="BP4" s="1">
        <v>25</v>
      </c>
      <c r="BQ4" s="1"/>
      <c r="BR4" s="1" t="s">
        <v>90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5</v>
      </c>
      <c r="C5" s="1" t="s">
        <v>855</v>
      </c>
      <c r="D5" s="1" t="s">
        <v>85</v>
      </c>
      <c r="E5" s="1" t="s">
        <v>28</v>
      </c>
      <c r="F5" s="1" t="s">
        <v>43</v>
      </c>
      <c r="G5" s="1" t="s">
        <v>43</v>
      </c>
      <c r="H5" s="1" t="s">
        <v>208</v>
      </c>
      <c r="I5" s="1" t="s">
        <v>745</v>
      </c>
      <c r="J5" s="1" t="s">
        <v>32</v>
      </c>
      <c r="K5" s="1" t="s">
        <v>74</v>
      </c>
      <c r="L5" s="1" t="s">
        <v>34</v>
      </c>
      <c r="N5" s="1" t="s">
        <v>35</v>
      </c>
      <c r="O5" s="1" t="s">
        <v>278</v>
      </c>
      <c r="P5" s="1" t="s">
        <v>37</v>
      </c>
      <c r="Q5" s="1" t="s">
        <v>179</v>
      </c>
      <c r="R5" s="1" t="s">
        <v>163</v>
      </c>
      <c r="S5" s="1" t="s">
        <v>445</v>
      </c>
      <c r="T5" s="1" t="s">
        <v>639</v>
      </c>
      <c r="U5" s="1">
        <v>7.5</v>
      </c>
      <c r="V5" s="1"/>
      <c r="W5" s="1"/>
      <c r="X5" s="1"/>
      <c r="Y5" s="1"/>
      <c r="Z5" s="1"/>
      <c r="AA5" s="1" t="s">
        <v>928</v>
      </c>
      <c r="AB5" s="1" t="s">
        <v>928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4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3">
        <v>1</v>
      </c>
      <c r="C6" s="1" t="s">
        <v>855</v>
      </c>
      <c r="D6" s="1" t="s">
        <v>85</v>
      </c>
      <c r="E6" s="1" t="s">
        <v>28</v>
      </c>
      <c r="F6" s="1" t="s">
        <v>43</v>
      </c>
      <c r="G6" s="1" t="s">
        <v>43</v>
      </c>
      <c r="H6" s="1" t="s">
        <v>265</v>
      </c>
      <c r="I6" s="1" t="s">
        <v>746</v>
      </c>
      <c r="J6" s="1" t="s">
        <v>63</v>
      </c>
      <c r="K6" s="1" t="s">
        <v>224</v>
      </c>
      <c r="L6" s="1" t="s">
        <v>34</v>
      </c>
      <c r="N6" s="1" t="s">
        <v>35</v>
      </c>
      <c r="O6" s="1" t="s">
        <v>278</v>
      </c>
      <c r="P6" s="1" t="s">
        <v>37</v>
      </c>
      <c r="Q6" s="1" t="s">
        <v>186</v>
      </c>
      <c r="R6" s="1" t="s">
        <v>67</v>
      </c>
      <c r="S6" s="1" t="s">
        <v>529</v>
      </c>
      <c r="T6" s="1" t="s">
        <v>68</v>
      </c>
      <c r="U6" s="1">
        <v>6.9</v>
      </c>
      <c r="V6" s="1"/>
      <c r="W6" s="1"/>
      <c r="X6" s="1">
        <v>6.2</v>
      </c>
      <c r="Y6" s="1">
        <v>0.15</v>
      </c>
      <c r="Z6" s="1"/>
      <c r="AA6" s="1" t="s">
        <v>928</v>
      </c>
      <c r="AB6" s="1" t="s">
        <v>928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37</v>
      </c>
      <c r="BP6" s="1">
        <v>3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87</v>
      </c>
      <c r="B7" s="2">
        <v>0.20833333333333334</v>
      </c>
      <c r="C7" s="1" t="s">
        <v>855</v>
      </c>
      <c r="D7" s="1" t="s">
        <v>85</v>
      </c>
      <c r="E7" s="1" t="s">
        <v>28</v>
      </c>
      <c r="F7" s="1" t="s">
        <v>42</v>
      </c>
      <c r="G7" s="1" t="s">
        <v>114</v>
      </c>
      <c r="H7" s="1" t="s">
        <v>223</v>
      </c>
      <c r="I7" s="1" t="s">
        <v>487</v>
      </c>
      <c r="J7" s="1" t="s">
        <v>63</v>
      </c>
      <c r="K7" s="1" t="s">
        <v>331</v>
      </c>
      <c r="L7" s="1" t="s">
        <v>34</v>
      </c>
      <c r="N7" s="1" t="s">
        <v>35</v>
      </c>
      <c r="O7" s="1" t="s">
        <v>278</v>
      </c>
      <c r="P7" s="1" t="s">
        <v>37</v>
      </c>
      <c r="Q7" s="1" t="s">
        <v>171</v>
      </c>
      <c r="R7" s="1" t="s">
        <v>282</v>
      </c>
      <c r="S7" s="1" t="s">
        <v>338</v>
      </c>
      <c r="T7" s="1" t="s">
        <v>129</v>
      </c>
      <c r="U7" s="1">
        <v>7.1</v>
      </c>
      <c r="V7" s="1"/>
      <c r="W7" s="1"/>
      <c r="X7" s="1"/>
      <c r="Y7" s="1"/>
      <c r="Z7" s="1"/>
      <c r="AA7" s="1" t="s">
        <v>928</v>
      </c>
      <c r="AB7" s="1" t="s">
        <v>928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6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193</v>
      </c>
      <c r="B8" s="2">
        <v>0.5</v>
      </c>
      <c r="C8" s="1" t="s">
        <v>855</v>
      </c>
      <c r="D8" s="1" t="s">
        <v>27</v>
      </c>
      <c r="E8" s="1" t="s">
        <v>28</v>
      </c>
      <c r="F8" s="1" t="s">
        <v>232</v>
      </c>
      <c r="G8" s="1" t="s">
        <v>194</v>
      </c>
      <c r="H8" s="1" t="s">
        <v>265</v>
      </c>
      <c r="I8" s="1" t="s">
        <v>454</v>
      </c>
      <c r="J8" s="1" t="s">
        <v>207</v>
      </c>
      <c r="K8" s="1" t="s">
        <v>225</v>
      </c>
      <c r="L8" s="1" t="s">
        <v>34</v>
      </c>
      <c r="N8" s="1" t="s">
        <v>35</v>
      </c>
      <c r="O8" s="1" t="s">
        <v>278</v>
      </c>
      <c r="P8" s="1" t="s">
        <v>37</v>
      </c>
      <c r="Q8" s="1" t="s">
        <v>179</v>
      </c>
      <c r="R8" s="1" t="s">
        <v>39</v>
      </c>
      <c r="S8" s="1" t="s">
        <v>163</v>
      </c>
      <c r="T8" s="1" t="s">
        <v>68</v>
      </c>
      <c r="U8" s="1">
        <v>8.1</v>
      </c>
      <c r="V8" s="4">
        <v>7900</v>
      </c>
      <c r="W8" s="1"/>
      <c r="X8" s="1">
        <v>5.3</v>
      </c>
      <c r="Y8" s="1">
        <v>0.15</v>
      </c>
      <c r="Z8" s="1">
        <v>1.4999999999999999E-2</v>
      </c>
      <c r="AA8" s="1" t="s">
        <v>928</v>
      </c>
      <c r="AB8" s="1" t="s">
        <v>928</v>
      </c>
      <c r="AC8" s="1" t="s">
        <v>881</v>
      </c>
      <c r="AD8" s="1" t="s">
        <v>882</v>
      </c>
      <c r="AE8" s="1" t="s">
        <v>883</v>
      </c>
      <c r="AF8" s="1" t="s">
        <v>884</v>
      </c>
      <c r="AG8" s="1" t="s">
        <v>883</v>
      </c>
      <c r="AH8" s="1" t="s">
        <v>883</v>
      </c>
      <c r="AI8" s="1"/>
      <c r="AJ8" s="1"/>
      <c r="AK8" s="1"/>
      <c r="AL8" s="1" t="s">
        <v>888</v>
      </c>
      <c r="AM8" s="1"/>
      <c r="AN8" s="1"/>
      <c r="AO8" s="1"/>
      <c r="AP8" t="s">
        <v>888</v>
      </c>
      <c r="AQ8" s="1"/>
      <c r="AR8" s="1" t="s">
        <v>888</v>
      </c>
      <c r="AS8" s="1">
        <v>4.0000000000000002E-4</v>
      </c>
      <c r="AT8" s="1"/>
      <c r="AU8" s="1"/>
      <c r="AV8" s="1"/>
      <c r="AW8" s="1"/>
      <c r="AX8" s="1"/>
      <c r="AY8" s="1"/>
      <c r="AZ8" s="1"/>
      <c r="BA8" s="1"/>
      <c r="BB8" s="1">
        <v>0.13</v>
      </c>
      <c r="BC8" s="1">
        <v>4.4000000000000004</v>
      </c>
      <c r="BD8" s="1">
        <v>4.5</v>
      </c>
      <c r="BE8" s="1"/>
      <c r="BF8" s="1"/>
      <c r="BG8" s="1"/>
      <c r="BH8" s="1"/>
      <c r="BI8" s="1"/>
      <c r="BJ8" s="1"/>
      <c r="BK8" s="1"/>
      <c r="BL8" s="1"/>
      <c r="BM8" s="1">
        <v>0.37</v>
      </c>
      <c r="BN8" s="1">
        <v>0.1</v>
      </c>
      <c r="BO8" s="1">
        <v>36</v>
      </c>
      <c r="BP8" s="1">
        <v>2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9791666666666663</v>
      </c>
      <c r="C9" s="1" t="s">
        <v>855</v>
      </c>
      <c r="D9" s="1" t="s">
        <v>27</v>
      </c>
      <c r="E9" s="1" t="s">
        <v>28</v>
      </c>
      <c r="F9" s="1" t="s">
        <v>222</v>
      </c>
      <c r="G9" s="1" t="s">
        <v>107</v>
      </c>
      <c r="H9" s="1" t="s">
        <v>234</v>
      </c>
      <c r="I9" s="1" t="s">
        <v>747</v>
      </c>
      <c r="J9" s="1" t="s">
        <v>119</v>
      </c>
      <c r="K9" s="1" t="s">
        <v>200</v>
      </c>
      <c r="L9" s="1" t="s">
        <v>34</v>
      </c>
      <c r="N9" s="1" t="s">
        <v>35</v>
      </c>
      <c r="O9" s="1" t="s">
        <v>278</v>
      </c>
      <c r="P9" s="1" t="s">
        <v>37</v>
      </c>
      <c r="Q9" s="1" t="s">
        <v>171</v>
      </c>
      <c r="R9" s="1" t="s">
        <v>39</v>
      </c>
      <c r="S9" s="1" t="s">
        <v>122</v>
      </c>
      <c r="T9" s="1" t="s">
        <v>182</v>
      </c>
      <c r="U9" s="1">
        <v>7.8</v>
      </c>
      <c r="V9" s="1"/>
      <c r="W9" s="1"/>
      <c r="X9" s="1"/>
      <c r="Y9" s="1"/>
      <c r="Z9" s="1"/>
      <c r="AA9" s="1" t="s">
        <v>928</v>
      </c>
      <c r="AB9" s="1" t="s">
        <v>928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1666666666666663</v>
      </c>
      <c r="C10" s="1" t="s">
        <v>855</v>
      </c>
      <c r="D10" s="1" t="s">
        <v>85</v>
      </c>
      <c r="E10" s="1" t="s">
        <v>28</v>
      </c>
      <c r="F10" s="1" t="s">
        <v>106</v>
      </c>
      <c r="G10" s="1" t="s">
        <v>249</v>
      </c>
      <c r="H10" s="1" t="s">
        <v>189</v>
      </c>
      <c r="I10" s="1" t="s">
        <v>748</v>
      </c>
      <c r="J10" s="1" t="s">
        <v>119</v>
      </c>
      <c r="K10" s="1" t="s">
        <v>237</v>
      </c>
      <c r="L10" s="1" t="s">
        <v>34</v>
      </c>
      <c r="N10" s="1" t="s">
        <v>35</v>
      </c>
      <c r="O10" s="1" t="s">
        <v>278</v>
      </c>
      <c r="P10" s="1" t="s">
        <v>37</v>
      </c>
      <c r="Q10" s="1" t="s">
        <v>186</v>
      </c>
      <c r="R10" s="1" t="s">
        <v>173</v>
      </c>
      <c r="S10" s="1" t="s">
        <v>584</v>
      </c>
      <c r="T10" s="1" t="s">
        <v>41</v>
      </c>
      <c r="U10" s="1">
        <v>6.5</v>
      </c>
      <c r="V10" s="1"/>
      <c r="W10" s="1"/>
      <c r="X10" s="1">
        <v>5.6</v>
      </c>
      <c r="Y10" s="1">
        <v>0.18</v>
      </c>
      <c r="Z10" s="1"/>
      <c r="AA10" s="1" t="s">
        <v>928</v>
      </c>
      <c r="AB10" s="1" t="s">
        <v>928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36</v>
      </c>
      <c r="BP10" s="1">
        <v>21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1</v>
      </c>
      <c r="B11" s="2">
        <v>0.16666666666666666</v>
      </c>
      <c r="C11" s="1" t="s">
        <v>855</v>
      </c>
      <c r="D11" s="1" t="s">
        <v>85</v>
      </c>
      <c r="E11" s="1" t="s">
        <v>28</v>
      </c>
      <c r="F11" s="1" t="s">
        <v>106</v>
      </c>
      <c r="G11" s="1" t="s">
        <v>249</v>
      </c>
      <c r="H11" s="1" t="s">
        <v>189</v>
      </c>
      <c r="I11" s="1" t="s">
        <v>749</v>
      </c>
      <c r="J11" s="1" t="s">
        <v>119</v>
      </c>
      <c r="K11" s="1" t="s">
        <v>219</v>
      </c>
      <c r="L11" s="1" t="s">
        <v>34</v>
      </c>
      <c r="N11" s="1" t="s">
        <v>35</v>
      </c>
      <c r="O11" s="1" t="s">
        <v>278</v>
      </c>
      <c r="P11" s="1" t="s">
        <v>37</v>
      </c>
      <c r="Q11" s="1" t="s">
        <v>186</v>
      </c>
      <c r="R11" s="1" t="s">
        <v>196</v>
      </c>
      <c r="S11" s="1" t="s">
        <v>282</v>
      </c>
      <c r="T11" s="1" t="s">
        <v>41</v>
      </c>
      <c r="U11" s="1">
        <v>6.9</v>
      </c>
      <c r="V11" s="1"/>
      <c r="W11" s="1"/>
      <c r="X11" s="1"/>
      <c r="Y11" s="1"/>
      <c r="Z11" s="1"/>
      <c r="AA11" s="1" t="s">
        <v>928</v>
      </c>
      <c r="AB11" s="1" t="s">
        <v>928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6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69</v>
      </c>
      <c r="B12" s="2">
        <v>0.54861111111111105</v>
      </c>
      <c r="C12" s="1" t="s">
        <v>855</v>
      </c>
      <c r="D12" s="1" t="s">
        <v>85</v>
      </c>
      <c r="E12" s="1" t="s">
        <v>28</v>
      </c>
      <c r="F12" s="1" t="s">
        <v>230</v>
      </c>
      <c r="G12" s="1" t="s">
        <v>107</v>
      </c>
      <c r="H12" s="1" t="s">
        <v>169</v>
      </c>
      <c r="I12" s="1" t="s">
        <v>561</v>
      </c>
      <c r="J12" s="1" t="s">
        <v>44</v>
      </c>
      <c r="K12" s="1" t="s">
        <v>254</v>
      </c>
      <c r="L12" s="1" t="s">
        <v>750</v>
      </c>
      <c r="N12" s="1" t="s">
        <v>728</v>
      </c>
      <c r="O12" s="1" t="s">
        <v>278</v>
      </c>
      <c r="P12" s="1" t="s">
        <v>751</v>
      </c>
      <c r="Q12" s="1" t="s">
        <v>179</v>
      </c>
      <c r="R12" s="1" t="s">
        <v>163</v>
      </c>
      <c r="S12" s="1" t="s">
        <v>297</v>
      </c>
      <c r="T12" s="1" t="s">
        <v>730</v>
      </c>
      <c r="U12" s="1">
        <v>7.6</v>
      </c>
      <c r="V12" s="1"/>
      <c r="W12" s="1"/>
      <c r="X12" s="1"/>
      <c r="Y12" s="1"/>
      <c r="Z12" s="1"/>
      <c r="AA12" s="1" t="s">
        <v>928</v>
      </c>
      <c r="AB12" s="1" t="s">
        <v>928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>
        <v>37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7083333333333337</v>
      </c>
      <c r="C13" s="1" t="s">
        <v>855</v>
      </c>
      <c r="D13" s="1" t="s">
        <v>85</v>
      </c>
      <c r="E13" s="1" t="s">
        <v>28</v>
      </c>
      <c r="F13" s="1" t="s">
        <v>194</v>
      </c>
      <c r="G13" s="1" t="s">
        <v>106</v>
      </c>
      <c r="H13" s="1" t="s">
        <v>189</v>
      </c>
      <c r="I13" s="1" t="s">
        <v>752</v>
      </c>
      <c r="J13" s="1" t="s">
        <v>63</v>
      </c>
      <c r="K13" s="1" t="s">
        <v>258</v>
      </c>
      <c r="L13" s="1" t="s">
        <v>290</v>
      </c>
      <c r="N13" s="1" t="s">
        <v>35</v>
      </c>
      <c r="O13" s="1" t="s">
        <v>278</v>
      </c>
      <c r="P13" s="1" t="s">
        <v>751</v>
      </c>
      <c r="Q13" s="1" t="s">
        <v>186</v>
      </c>
      <c r="R13" s="1" t="s">
        <v>122</v>
      </c>
      <c r="S13" s="1" t="s">
        <v>338</v>
      </c>
      <c r="T13" s="1" t="s">
        <v>136</v>
      </c>
      <c r="U13" s="1">
        <v>6.5</v>
      </c>
      <c r="V13" s="4">
        <v>130000</v>
      </c>
      <c r="W13" s="1"/>
      <c r="X13" s="1">
        <v>5.7</v>
      </c>
      <c r="Y13" s="1">
        <v>0.32</v>
      </c>
      <c r="Z13" s="1">
        <v>1.7999999999999999E-2</v>
      </c>
      <c r="AA13" s="1" t="s">
        <v>926</v>
      </c>
      <c r="AB13" s="1" t="s">
        <v>956</v>
      </c>
      <c r="AC13" s="1" t="s">
        <v>881</v>
      </c>
      <c r="AD13" s="1" t="s">
        <v>882</v>
      </c>
      <c r="AE13" s="1" t="s">
        <v>883</v>
      </c>
      <c r="AF13" s="1" t="s">
        <v>884</v>
      </c>
      <c r="AG13" s="1" t="s">
        <v>883</v>
      </c>
      <c r="AH13" s="1" t="s">
        <v>883</v>
      </c>
      <c r="AI13" s="1"/>
      <c r="AJ13" s="1"/>
      <c r="AK13" s="1"/>
      <c r="AL13" s="1" t="s">
        <v>888</v>
      </c>
      <c r="AM13" s="1"/>
      <c r="AN13" s="1"/>
      <c r="AO13" s="1"/>
      <c r="AP13" t="s">
        <v>888</v>
      </c>
      <c r="AQ13" s="1"/>
      <c r="AR13" s="1" t="s">
        <v>888</v>
      </c>
      <c r="AS13" s="1">
        <v>2.9999999999999997E-4</v>
      </c>
      <c r="AT13" s="1"/>
      <c r="AU13" s="1"/>
      <c r="AV13" s="1"/>
      <c r="AW13" s="1"/>
      <c r="AX13" s="1"/>
      <c r="AY13" s="1"/>
      <c r="AZ13" s="1" t="s">
        <v>893</v>
      </c>
      <c r="BA13" s="1">
        <v>1.9E-2</v>
      </c>
      <c r="BB13" s="1">
        <v>0.25</v>
      </c>
      <c r="BC13" s="1">
        <v>4.2</v>
      </c>
      <c r="BD13" s="1">
        <v>4.4000000000000004</v>
      </c>
      <c r="BE13" s="1"/>
      <c r="BF13" s="1" t="s">
        <v>885</v>
      </c>
      <c r="BG13" s="1">
        <v>5.7999999999999996E-3</v>
      </c>
      <c r="BH13" s="1" t="s">
        <v>884</v>
      </c>
      <c r="BI13" s="1" t="s">
        <v>882</v>
      </c>
      <c r="BJ13" s="1"/>
      <c r="BK13" s="1"/>
      <c r="BL13" s="1"/>
      <c r="BM13" s="1">
        <v>0.06</v>
      </c>
      <c r="BN13" s="1">
        <v>0.18</v>
      </c>
      <c r="BO13" s="1">
        <v>38</v>
      </c>
      <c r="BP13" s="1">
        <v>25</v>
      </c>
      <c r="BQ13" s="1"/>
      <c r="BR13" s="1" t="s">
        <v>901</v>
      </c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5833333333333337</v>
      </c>
      <c r="C14" s="1" t="s">
        <v>855</v>
      </c>
      <c r="D14" s="1" t="s">
        <v>85</v>
      </c>
      <c r="E14" s="1" t="s">
        <v>28</v>
      </c>
      <c r="F14" s="1" t="s">
        <v>246</v>
      </c>
      <c r="G14" s="1" t="s">
        <v>106</v>
      </c>
      <c r="H14" s="1" t="s">
        <v>355</v>
      </c>
      <c r="I14" s="1" t="s">
        <v>406</v>
      </c>
      <c r="J14" s="1" t="s">
        <v>79</v>
      </c>
      <c r="K14" s="1" t="s">
        <v>302</v>
      </c>
      <c r="L14" s="1" t="s">
        <v>34</v>
      </c>
      <c r="N14" s="1" t="s">
        <v>35</v>
      </c>
      <c r="O14" s="1" t="s">
        <v>278</v>
      </c>
      <c r="P14" s="1" t="s">
        <v>37</v>
      </c>
      <c r="Q14" s="1" t="s">
        <v>145</v>
      </c>
      <c r="R14" s="1" t="s">
        <v>83</v>
      </c>
      <c r="S14" s="1" t="s">
        <v>373</v>
      </c>
      <c r="T14" s="1" t="s">
        <v>174</v>
      </c>
      <c r="U14" s="1">
        <v>6.2</v>
      </c>
      <c r="V14" s="1"/>
      <c r="W14" s="1"/>
      <c r="X14" s="1">
        <v>5.8</v>
      </c>
      <c r="Y14" s="1">
        <v>0.27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40</v>
      </c>
      <c r="BP14" s="1">
        <v>25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503</v>
      </c>
      <c r="B15" s="2">
        <v>0.20833333333333334</v>
      </c>
      <c r="C15" s="1" t="s">
        <v>855</v>
      </c>
      <c r="D15" s="1" t="s">
        <v>27</v>
      </c>
      <c r="E15" s="1" t="s">
        <v>28</v>
      </c>
      <c r="F15" s="1" t="s">
        <v>106</v>
      </c>
      <c r="G15" s="1" t="s">
        <v>249</v>
      </c>
      <c r="H15" s="1" t="s">
        <v>177</v>
      </c>
      <c r="I15" s="1" t="s">
        <v>753</v>
      </c>
      <c r="J15" s="1" t="s">
        <v>63</v>
      </c>
      <c r="K15" s="1" t="s">
        <v>224</v>
      </c>
      <c r="L15" s="1" t="s">
        <v>34</v>
      </c>
      <c r="N15" s="1" t="s">
        <v>35</v>
      </c>
      <c r="O15" s="1" t="s">
        <v>278</v>
      </c>
      <c r="P15" s="1" t="s">
        <v>37</v>
      </c>
      <c r="Q15" s="1" t="s">
        <v>186</v>
      </c>
      <c r="R15" s="1" t="s">
        <v>163</v>
      </c>
      <c r="S15" s="1" t="s">
        <v>347</v>
      </c>
      <c r="T15" s="1" t="s">
        <v>286</v>
      </c>
      <c r="U15" s="1">
        <v>6.3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41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4</v>
      </c>
      <c r="B16" s="2">
        <v>0.46180555555555558</v>
      </c>
      <c r="C16" s="1" t="s">
        <v>855</v>
      </c>
      <c r="D16" s="1" t="s">
        <v>85</v>
      </c>
      <c r="E16" s="1" t="s">
        <v>28</v>
      </c>
      <c r="F16" s="1" t="s">
        <v>457</v>
      </c>
      <c r="G16" s="1" t="s">
        <v>211</v>
      </c>
      <c r="H16" s="1" t="s">
        <v>334</v>
      </c>
      <c r="I16" s="1" t="s">
        <v>417</v>
      </c>
      <c r="J16" s="1" t="s">
        <v>207</v>
      </c>
      <c r="K16" s="1" t="s">
        <v>169</v>
      </c>
      <c r="L16" s="1" t="s">
        <v>34</v>
      </c>
      <c r="N16" s="1" t="s">
        <v>35</v>
      </c>
      <c r="O16" s="1" t="s">
        <v>278</v>
      </c>
      <c r="P16" s="1" t="s">
        <v>37</v>
      </c>
      <c r="Q16" s="1" t="s">
        <v>179</v>
      </c>
      <c r="R16" s="1" t="s">
        <v>59</v>
      </c>
      <c r="S16" s="1" t="s">
        <v>456</v>
      </c>
      <c r="T16" s="1" t="s">
        <v>68</v>
      </c>
      <c r="U16" s="1">
        <v>7.3</v>
      </c>
      <c r="V16" s="4">
        <v>33000</v>
      </c>
      <c r="W16" s="1"/>
      <c r="X16" s="1">
        <v>6</v>
      </c>
      <c r="Y16" s="1">
        <v>0.21</v>
      </c>
      <c r="Z16" s="1"/>
      <c r="AA16" s="1"/>
      <c r="AB16" s="1"/>
      <c r="AC16" s="1" t="s">
        <v>881</v>
      </c>
      <c r="AD16" s="1" t="s">
        <v>882</v>
      </c>
      <c r="AE16" s="1" t="s">
        <v>883</v>
      </c>
      <c r="AF16" s="1" t="s">
        <v>884</v>
      </c>
      <c r="AG16" s="1" t="s">
        <v>883</v>
      </c>
      <c r="AH16" s="1" t="s">
        <v>883</v>
      </c>
      <c r="AI16" s="1"/>
      <c r="AJ16" s="1"/>
      <c r="AK16" s="1"/>
      <c r="AL16" s="1" t="s">
        <v>888</v>
      </c>
      <c r="AM16" s="1"/>
      <c r="AN16" s="1"/>
      <c r="AO16" s="1"/>
      <c r="AP16" t="s">
        <v>888</v>
      </c>
      <c r="AQ16" s="1"/>
      <c r="AR16" s="1" t="s">
        <v>888</v>
      </c>
      <c r="AS16" s="1">
        <v>4.0000000000000002E-4</v>
      </c>
      <c r="AT16" s="1"/>
      <c r="AU16" s="1" t="s">
        <v>883</v>
      </c>
      <c r="AV16" s="1" t="s">
        <v>881</v>
      </c>
      <c r="AW16" s="1" t="s">
        <v>883</v>
      </c>
      <c r="AX16" s="1"/>
      <c r="AY16" s="1"/>
      <c r="AZ16" s="1"/>
      <c r="BA16" s="1"/>
      <c r="BB16" s="1">
        <v>0.28000000000000003</v>
      </c>
      <c r="BC16" s="1">
        <v>4.2</v>
      </c>
      <c r="BD16" s="1">
        <v>4.4000000000000004</v>
      </c>
      <c r="BE16" s="1"/>
      <c r="BF16" s="1"/>
      <c r="BG16" s="1"/>
      <c r="BH16" s="1"/>
      <c r="BI16" s="1"/>
      <c r="BJ16" s="1"/>
      <c r="BK16" s="1" t="s">
        <v>903</v>
      </c>
      <c r="BL16" s="1"/>
      <c r="BM16" s="1">
        <v>0.06</v>
      </c>
      <c r="BN16" s="1">
        <v>0.16</v>
      </c>
      <c r="BO16" s="1">
        <v>38</v>
      </c>
      <c r="BP16" s="1">
        <v>22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0833333333333337</v>
      </c>
      <c r="C17" s="1" t="s">
        <v>855</v>
      </c>
      <c r="D17" s="1" t="s">
        <v>85</v>
      </c>
      <c r="E17" s="1" t="s">
        <v>28</v>
      </c>
      <c r="F17" s="1" t="s">
        <v>230</v>
      </c>
      <c r="G17" s="1" t="s">
        <v>211</v>
      </c>
      <c r="H17" s="1" t="s">
        <v>223</v>
      </c>
      <c r="I17" s="1" t="s">
        <v>406</v>
      </c>
      <c r="J17" s="1" t="s">
        <v>44</v>
      </c>
      <c r="K17" s="1" t="s">
        <v>280</v>
      </c>
      <c r="L17" s="1" t="s">
        <v>34</v>
      </c>
      <c r="N17" s="1" t="s">
        <v>35</v>
      </c>
      <c r="O17" s="1" t="s">
        <v>278</v>
      </c>
      <c r="P17" s="1" t="s">
        <v>37</v>
      </c>
      <c r="Q17" s="1" t="s">
        <v>171</v>
      </c>
      <c r="R17" s="1" t="s">
        <v>220</v>
      </c>
      <c r="S17" s="1" t="s">
        <v>91</v>
      </c>
      <c r="T17" s="1" t="s">
        <v>68</v>
      </c>
      <c r="U17" s="1">
        <v>6.8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8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4791666666666663</v>
      </c>
      <c r="C18" s="1" t="s">
        <v>855</v>
      </c>
      <c r="D18" s="1" t="s">
        <v>164</v>
      </c>
      <c r="E18" s="1" t="s">
        <v>28</v>
      </c>
      <c r="F18" s="1" t="s">
        <v>211</v>
      </c>
      <c r="G18" s="1" t="s">
        <v>559</v>
      </c>
      <c r="H18" s="1" t="s">
        <v>234</v>
      </c>
      <c r="I18" s="1" t="s">
        <v>566</v>
      </c>
      <c r="J18" s="1" t="s">
        <v>72</v>
      </c>
      <c r="K18" s="1" t="s">
        <v>184</v>
      </c>
      <c r="L18" s="1" t="s">
        <v>34</v>
      </c>
      <c r="N18" s="1" t="s">
        <v>35</v>
      </c>
      <c r="O18" s="1" t="s">
        <v>278</v>
      </c>
      <c r="P18" s="1" t="s">
        <v>37</v>
      </c>
      <c r="Q18" s="1" t="s">
        <v>145</v>
      </c>
      <c r="R18" s="1" t="s">
        <v>297</v>
      </c>
      <c r="S18" s="1" t="s">
        <v>584</v>
      </c>
      <c r="T18" s="1" t="s">
        <v>60</v>
      </c>
      <c r="U18" s="1">
        <v>5.8</v>
      </c>
      <c r="V18" s="1"/>
      <c r="W18" s="1"/>
      <c r="X18" s="1">
        <v>6.1</v>
      </c>
      <c r="Y18" s="1">
        <v>0.19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39</v>
      </c>
      <c r="BP18" s="1">
        <v>27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27</v>
      </c>
      <c r="B19" s="2">
        <v>0.20833333333333334</v>
      </c>
      <c r="C19" s="1" t="s">
        <v>855</v>
      </c>
      <c r="D19" s="1" t="s">
        <v>164</v>
      </c>
      <c r="E19" s="1" t="s">
        <v>28</v>
      </c>
      <c r="F19" s="1" t="s">
        <v>239</v>
      </c>
      <c r="G19" s="1" t="s">
        <v>92</v>
      </c>
      <c r="H19" s="1" t="s">
        <v>243</v>
      </c>
      <c r="I19" s="1" t="s">
        <v>575</v>
      </c>
      <c r="J19" s="1" t="s">
        <v>72</v>
      </c>
      <c r="K19" s="1" t="s">
        <v>265</v>
      </c>
      <c r="L19" s="1" t="s">
        <v>34</v>
      </c>
      <c r="N19" s="1" t="s">
        <v>35</v>
      </c>
      <c r="O19" s="1" t="s">
        <v>278</v>
      </c>
      <c r="P19" s="1" t="s">
        <v>37</v>
      </c>
      <c r="Q19" s="1" t="s">
        <v>145</v>
      </c>
      <c r="R19" s="1" t="s">
        <v>456</v>
      </c>
      <c r="S19" s="1" t="s">
        <v>373</v>
      </c>
      <c r="T19" s="1" t="s">
        <v>41</v>
      </c>
      <c r="U19" s="1">
        <v>5.8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97</v>
      </c>
      <c r="B20" s="2">
        <v>0.5</v>
      </c>
      <c r="C20" s="1" t="s">
        <v>855</v>
      </c>
      <c r="D20" s="1" t="s">
        <v>27</v>
      </c>
      <c r="E20" s="1" t="s">
        <v>28</v>
      </c>
      <c r="F20" s="1" t="s">
        <v>364</v>
      </c>
      <c r="G20" s="1" t="s">
        <v>230</v>
      </c>
      <c r="H20" s="1" t="s">
        <v>280</v>
      </c>
      <c r="I20" s="1" t="s">
        <v>746</v>
      </c>
      <c r="J20" s="1" t="s">
        <v>72</v>
      </c>
      <c r="K20" s="1" t="s">
        <v>184</v>
      </c>
      <c r="L20" s="1" t="s">
        <v>34</v>
      </c>
      <c r="N20" s="1" t="s">
        <v>728</v>
      </c>
      <c r="O20" s="1" t="s">
        <v>278</v>
      </c>
      <c r="P20" s="1" t="s">
        <v>37</v>
      </c>
      <c r="Q20" s="1" t="s">
        <v>171</v>
      </c>
      <c r="R20" s="1" t="s">
        <v>162</v>
      </c>
      <c r="S20" s="1" t="s">
        <v>76</v>
      </c>
      <c r="T20" s="1" t="s">
        <v>286</v>
      </c>
      <c r="U20" s="1">
        <v>7.7</v>
      </c>
      <c r="V20" s="4">
        <v>33000</v>
      </c>
      <c r="W20" s="1" t="s">
        <v>887</v>
      </c>
      <c r="X20" s="1">
        <v>4.8</v>
      </c>
      <c r="Y20" s="1">
        <v>0.18</v>
      </c>
      <c r="Z20" s="1">
        <v>1.6E-2</v>
      </c>
      <c r="AA20" s="1" t="s">
        <v>926</v>
      </c>
      <c r="AB20" s="1" t="s">
        <v>961</v>
      </c>
      <c r="AC20" s="1" t="s">
        <v>881</v>
      </c>
      <c r="AD20" s="1" t="s">
        <v>882</v>
      </c>
      <c r="AE20" s="1" t="s">
        <v>883</v>
      </c>
      <c r="AF20" s="1" t="s">
        <v>884</v>
      </c>
      <c r="AG20" s="1" t="s">
        <v>883</v>
      </c>
      <c r="AH20" s="1" t="s">
        <v>883</v>
      </c>
      <c r="AI20" s="1"/>
      <c r="AJ20" s="1"/>
      <c r="AK20" s="1" t="s">
        <v>888</v>
      </c>
      <c r="AL20" s="1" t="s">
        <v>888</v>
      </c>
      <c r="AM20" s="1" t="s">
        <v>888</v>
      </c>
      <c r="AN20" s="1" t="s">
        <v>888</v>
      </c>
      <c r="AO20" s="1" t="s">
        <v>888</v>
      </c>
      <c r="AP20" t="s">
        <v>888</v>
      </c>
      <c r="AQ20" s="1" t="s">
        <v>888</v>
      </c>
      <c r="AR20" s="1">
        <v>2.0000000000000001E-4</v>
      </c>
      <c r="AS20" s="1">
        <v>4.0000000000000002E-4</v>
      </c>
      <c r="AT20" s="1" t="s">
        <v>896</v>
      </c>
      <c r="AU20" s="1"/>
      <c r="AV20" s="1"/>
      <c r="AW20" s="1"/>
      <c r="AX20" s="1" t="s">
        <v>888</v>
      </c>
      <c r="AY20" s="1" t="s">
        <v>883</v>
      </c>
      <c r="AZ20" s="1" t="s">
        <v>893</v>
      </c>
      <c r="BA20" s="1">
        <v>1.4999999999999999E-2</v>
      </c>
      <c r="BB20" s="1">
        <v>0.13</v>
      </c>
      <c r="BC20" s="1">
        <v>4.4000000000000004</v>
      </c>
      <c r="BD20" s="1">
        <v>4.5</v>
      </c>
      <c r="BE20" s="1"/>
      <c r="BF20" s="1" t="s">
        <v>885</v>
      </c>
      <c r="BG20" s="1">
        <v>5.3E-3</v>
      </c>
      <c r="BH20" s="1" t="s">
        <v>884</v>
      </c>
      <c r="BI20" s="1" t="s">
        <v>882</v>
      </c>
      <c r="BJ20" s="1"/>
      <c r="BK20" s="1"/>
      <c r="BL20" s="1">
        <v>1E-3</v>
      </c>
      <c r="BM20" s="1" t="s">
        <v>900</v>
      </c>
      <c r="BN20" s="1">
        <v>0.13</v>
      </c>
      <c r="BO20" s="1">
        <v>36</v>
      </c>
      <c r="BP20" s="1">
        <v>21</v>
      </c>
      <c r="BQ20" s="1"/>
      <c r="BR20" s="1" t="s">
        <v>90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3263888888888884</v>
      </c>
      <c r="C21" s="1" t="s">
        <v>855</v>
      </c>
      <c r="D21" s="1" t="s">
        <v>27</v>
      </c>
      <c r="E21" s="1" t="s">
        <v>28</v>
      </c>
      <c r="F21" s="1" t="s">
        <v>505</v>
      </c>
      <c r="G21" s="1" t="s">
        <v>222</v>
      </c>
      <c r="H21" s="1" t="s">
        <v>258</v>
      </c>
      <c r="I21" s="1" t="s">
        <v>485</v>
      </c>
      <c r="J21" s="1" t="s">
        <v>32</v>
      </c>
      <c r="K21" s="1" t="s">
        <v>74</v>
      </c>
      <c r="L21" s="1" t="s">
        <v>34</v>
      </c>
      <c r="N21" s="1" t="s">
        <v>35</v>
      </c>
      <c r="O21" s="1" t="s">
        <v>278</v>
      </c>
      <c r="P21" s="1" t="s">
        <v>37</v>
      </c>
      <c r="Q21" s="1" t="s">
        <v>171</v>
      </c>
      <c r="R21" s="1" t="s">
        <v>172</v>
      </c>
      <c r="S21" s="1" t="s">
        <v>76</v>
      </c>
      <c r="T21" s="1" t="s">
        <v>68</v>
      </c>
      <c r="U21" s="1">
        <v>7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7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7916666666666663</v>
      </c>
      <c r="C22" s="1" t="s">
        <v>855</v>
      </c>
      <c r="D22" s="1" t="s">
        <v>27</v>
      </c>
      <c r="E22" s="1" t="s">
        <v>28</v>
      </c>
      <c r="F22" s="1" t="s">
        <v>505</v>
      </c>
      <c r="G22" s="1" t="s">
        <v>70</v>
      </c>
      <c r="H22" s="1" t="s">
        <v>280</v>
      </c>
      <c r="I22" s="1" t="s">
        <v>754</v>
      </c>
      <c r="J22" s="1" t="s">
        <v>44</v>
      </c>
      <c r="K22" s="1" t="s">
        <v>247</v>
      </c>
      <c r="L22" s="1" t="s">
        <v>34</v>
      </c>
      <c r="N22" s="1" t="s">
        <v>35</v>
      </c>
      <c r="O22" s="1" t="s">
        <v>278</v>
      </c>
      <c r="P22" s="1" t="s">
        <v>37</v>
      </c>
      <c r="Q22" s="1" t="s">
        <v>145</v>
      </c>
      <c r="R22" s="1" t="s">
        <v>303</v>
      </c>
      <c r="S22" s="1" t="s">
        <v>67</v>
      </c>
      <c r="T22" s="1" t="s">
        <v>68</v>
      </c>
      <c r="U22" s="1">
        <v>5.8</v>
      </c>
      <c r="V22" s="1"/>
      <c r="W22" s="1"/>
      <c r="X22" s="1">
        <v>6</v>
      </c>
      <c r="Y22" s="1">
        <v>0.24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40</v>
      </c>
      <c r="BP22" s="1">
        <v>31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38</v>
      </c>
      <c r="B23" s="2">
        <v>0.20833333333333334</v>
      </c>
      <c r="C23" s="1" t="s">
        <v>855</v>
      </c>
      <c r="D23" s="1" t="s">
        <v>27</v>
      </c>
      <c r="E23" s="1" t="s">
        <v>28</v>
      </c>
      <c r="F23" s="1" t="s">
        <v>230</v>
      </c>
      <c r="G23" s="1" t="s">
        <v>92</v>
      </c>
      <c r="H23" s="1" t="s">
        <v>224</v>
      </c>
      <c r="I23" s="1" t="s">
        <v>402</v>
      </c>
      <c r="J23" s="1" t="s">
        <v>44</v>
      </c>
      <c r="K23" s="1" t="s">
        <v>334</v>
      </c>
      <c r="L23" s="1" t="s">
        <v>34</v>
      </c>
      <c r="N23" s="1" t="s">
        <v>35</v>
      </c>
      <c r="O23" s="1" t="s">
        <v>278</v>
      </c>
      <c r="P23" s="1" t="s">
        <v>37</v>
      </c>
      <c r="Q23" s="1" t="s">
        <v>186</v>
      </c>
      <c r="R23" s="1" t="s">
        <v>49</v>
      </c>
      <c r="S23" s="1" t="s">
        <v>76</v>
      </c>
      <c r="T23" s="1" t="s">
        <v>68</v>
      </c>
      <c r="U23" s="1">
        <v>6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8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1</v>
      </c>
      <c r="B24" s="2">
        <v>0.47916666666666669</v>
      </c>
      <c r="C24" s="1" t="s">
        <v>855</v>
      </c>
      <c r="D24" s="1" t="s">
        <v>85</v>
      </c>
      <c r="E24" s="1" t="s">
        <v>28</v>
      </c>
      <c r="F24" s="1" t="s">
        <v>211</v>
      </c>
      <c r="G24" s="1" t="s">
        <v>375</v>
      </c>
      <c r="H24" s="1" t="s">
        <v>254</v>
      </c>
      <c r="I24" s="1" t="s">
        <v>755</v>
      </c>
      <c r="J24" s="1" t="s">
        <v>44</v>
      </c>
      <c r="K24" s="1" t="s">
        <v>208</v>
      </c>
      <c r="L24" s="1" t="s">
        <v>34</v>
      </c>
      <c r="N24" s="1" t="s">
        <v>35</v>
      </c>
      <c r="O24" s="1" t="s">
        <v>278</v>
      </c>
      <c r="P24" s="1" t="s">
        <v>37</v>
      </c>
      <c r="Q24" s="1" t="s">
        <v>179</v>
      </c>
      <c r="R24" s="1" t="s">
        <v>82</v>
      </c>
      <c r="S24" s="1" t="s">
        <v>444</v>
      </c>
      <c r="T24" s="1" t="s">
        <v>41</v>
      </c>
      <c r="U24" s="1">
        <v>8.1</v>
      </c>
      <c r="V24" s="4">
        <v>14000</v>
      </c>
      <c r="W24" s="1"/>
      <c r="X24" s="1">
        <v>4.9000000000000004</v>
      </c>
      <c r="Y24" s="1">
        <v>0.2</v>
      </c>
      <c r="Z24" s="1"/>
      <c r="AA24" s="1"/>
      <c r="AB24" s="1"/>
      <c r="AC24" s="1" t="s">
        <v>881</v>
      </c>
      <c r="AD24" s="1" t="s">
        <v>882</v>
      </c>
      <c r="AE24" s="1" t="s">
        <v>883</v>
      </c>
      <c r="AF24" s="1" t="s">
        <v>884</v>
      </c>
      <c r="AG24" s="1" t="s">
        <v>883</v>
      </c>
      <c r="AH24" s="1" t="s">
        <v>883</v>
      </c>
      <c r="AI24" s="1"/>
      <c r="AJ24" s="1"/>
      <c r="AK24" s="1"/>
      <c r="AL24" s="1" t="s">
        <v>888</v>
      </c>
      <c r="AM24" s="1"/>
      <c r="AN24" s="1"/>
      <c r="AO24" s="1"/>
      <c r="AP24" t="s">
        <v>888</v>
      </c>
      <c r="AQ24" s="1"/>
      <c r="AR24" s="1" t="s">
        <v>888</v>
      </c>
      <c r="AS24" s="1">
        <v>4.0000000000000002E-4</v>
      </c>
      <c r="AT24" s="1"/>
      <c r="AU24" s="1"/>
      <c r="AV24" s="1"/>
      <c r="AW24" s="1"/>
      <c r="AX24" s="1"/>
      <c r="AY24" s="1"/>
      <c r="AZ24" s="1"/>
      <c r="BA24" s="1"/>
      <c r="BB24" s="1">
        <v>0.15</v>
      </c>
      <c r="BC24" s="1">
        <v>4.5999999999999996</v>
      </c>
      <c r="BD24" s="1">
        <v>4.7</v>
      </c>
      <c r="BE24" s="1"/>
      <c r="BF24" s="1"/>
      <c r="BG24" s="1"/>
      <c r="BH24" s="1"/>
      <c r="BI24" s="1"/>
      <c r="BJ24" s="1"/>
      <c r="BK24" s="1"/>
      <c r="BL24" s="1"/>
      <c r="BM24" s="1" t="s">
        <v>900</v>
      </c>
      <c r="BN24" s="1">
        <v>0.12</v>
      </c>
      <c r="BO24" s="1">
        <v>36</v>
      </c>
      <c r="BP24" s="1">
        <v>26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2916666666666663</v>
      </c>
      <c r="C25" s="1" t="s">
        <v>855</v>
      </c>
      <c r="D25" s="1" t="s">
        <v>85</v>
      </c>
      <c r="E25" s="1" t="s">
        <v>28</v>
      </c>
      <c r="F25" s="1" t="s">
        <v>246</v>
      </c>
      <c r="G25" s="1" t="s">
        <v>53</v>
      </c>
      <c r="H25" s="1" t="s">
        <v>331</v>
      </c>
      <c r="I25" s="1" t="s">
        <v>752</v>
      </c>
      <c r="J25" s="1" t="s">
        <v>207</v>
      </c>
      <c r="K25" s="1" t="s">
        <v>169</v>
      </c>
      <c r="L25" s="1" t="s">
        <v>34</v>
      </c>
      <c r="N25" s="1" t="s">
        <v>35</v>
      </c>
      <c r="O25" s="1" t="s">
        <v>278</v>
      </c>
      <c r="P25" s="1" t="s">
        <v>37</v>
      </c>
      <c r="Q25" s="1" t="s">
        <v>186</v>
      </c>
      <c r="R25" s="1" t="s">
        <v>146</v>
      </c>
      <c r="S25" s="1" t="s">
        <v>83</v>
      </c>
      <c r="T25" s="1" t="s">
        <v>41</v>
      </c>
      <c r="U25" s="1">
        <v>7.1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8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7916666666666663</v>
      </c>
      <c r="C26" s="1" t="s">
        <v>855</v>
      </c>
      <c r="D26" s="1" t="s">
        <v>164</v>
      </c>
      <c r="E26" s="1" t="s">
        <v>28</v>
      </c>
      <c r="F26" s="1" t="s">
        <v>106</v>
      </c>
      <c r="G26" s="1" t="s">
        <v>250</v>
      </c>
      <c r="H26" s="1" t="s">
        <v>254</v>
      </c>
      <c r="I26" s="1" t="s">
        <v>756</v>
      </c>
      <c r="J26" s="1" t="s">
        <v>207</v>
      </c>
      <c r="K26" s="1" t="s">
        <v>169</v>
      </c>
      <c r="L26" s="1" t="s">
        <v>34</v>
      </c>
      <c r="N26" s="1" t="s">
        <v>35</v>
      </c>
      <c r="O26" s="1" t="s">
        <v>278</v>
      </c>
      <c r="P26" s="1" t="s">
        <v>37</v>
      </c>
      <c r="Q26" s="1" t="s">
        <v>186</v>
      </c>
      <c r="R26" s="1" t="s">
        <v>444</v>
      </c>
      <c r="S26" s="1" t="s">
        <v>297</v>
      </c>
      <c r="T26" s="1" t="s">
        <v>41</v>
      </c>
      <c r="U26" s="1">
        <v>6.4</v>
      </c>
      <c r="V26" s="1"/>
      <c r="W26" s="1"/>
      <c r="X26" s="1">
        <v>5.6</v>
      </c>
      <c r="Y26" s="1">
        <v>0.37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39</v>
      </c>
      <c r="BP26" s="1">
        <v>29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252</v>
      </c>
      <c r="B27" s="2">
        <v>0.20833333333333334</v>
      </c>
      <c r="C27" s="1" t="s">
        <v>855</v>
      </c>
      <c r="D27" s="1" t="s">
        <v>27</v>
      </c>
      <c r="E27" s="1" t="s">
        <v>28</v>
      </c>
      <c r="F27" s="1" t="s">
        <v>249</v>
      </c>
      <c r="G27" s="1" t="s">
        <v>249</v>
      </c>
      <c r="H27" s="1" t="s">
        <v>247</v>
      </c>
      <c r="I27" s="1" t="s">
        <v>623</v>
      </c>
      <c r="J27" s="1" t="s">
        <v>72</v>
      </c>
      <c r="K27" s="1" t="s">
        <v>189</v>
      </c>
      <c r="L27" s="1" t="s">
        <v>34</v>
      </c>
      <c r="N27" s="1" t="s">
        <v>35</v>
      </c>
      <c r="O27" s="1" t="s">
        <v>278</v>
      </c>
      <c r="P27" s="1" t="s">
        <v>37</v>
      </c>
      <c r="Q27" s="1" t="s">
        <v>186</v>
      </c>
      <c r="R27" s="1" t="s">
        <v>328</v>
      </c>
      <c r="S27" s="1" t="s">
        <v>216</v>
      </c>
      <c r="T27" s="1" t="s">
        <v>60</v>
      </c>
      <c r="U27" s="1">
        <v>6.6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7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56</v>
      </c>
      <c r="B28" s="2">
        <v>0.5</v>
      </c>
      <c r="C28" s="1" t="s">
        <v>855</v>
      </c>
      <c r="D28" s="1" t="s">
        <v>85</v>
      </c>
      <c r="E28" s="1" t="s">
        <v>28</v>
      </c>
      <c r="F28" s="1" t="s">
        <v>70</v>
      </c>
      <c r="G28" s="1" t="s">
        <v>202</v>
      </c>
      <c r="H28" s="1" t="s">
        <v>342</v>
      </c>
      <c r="I28" s="1" t="s">
        <v>532</v>
      </c>
      <c r="J28" s="1" t="s">
        <v>72</v>
      </c>
      <c r="K28" s="1" t="s">
        <v>223</v>
      </c>
      <c r="L28" s="1" t="s">
        <v>34</v>
      </c>
      <c r="N28" s="1" t="s">
        <v>728</v>
      </c>
      <c r="O28" s="1" t="s">
        <v>278</v>
      </c>
      <c r="P28" s="1" t="s">
        <v>37</v>
      </c>
      <c r="Q28" s="1" t="s">
        <v>171</v>
      </c>
      <c r="R28" s="1" t="s">
        <v>231</v>
      </c>
      <c r="S28" s="1" t="s">
        <v>173</v>
      </c>
      <c r="T28" s="1" t="s">
        <v>60</v>
      </c>
      <c r="U28" s="1">
        <v>8.5</v>
      </c>
      <c r="V28" s="4">
        <v>4900</v>
      </c>
      <c r="W28" s="1"/>
      <c r="X28" s="1">
        <v>5</v>
      </c>
      <c r="Y28" s="1">
        <v>0.17</v>
      </c>
      <c r="Z28" s="1">
        <v>1.0999999999999999E-2</v>
      </c>
      <c r="AA28" t="s">
        <v>926</v>
      </c>
      <c r="AB28" t="s">
        <v>962</v>
      </c>
      <c r="AC28" s="1" t="s">
        <v>881</v>
      </c>
      <c r="AD28" s="1" t="s">
        <v>882</v>
      </c>
      <c r="AE28" s="1" t="s">
        <v>883</v>
      </c>
      <c r="AF28" s="1" t="s">
        <v>884</v>
      </c>
      <c r="AG28" s="1" t="s">
        <v>883</v>
      </c>
      <c r="AH28" s="1" t="s">
        <v>883</v>
      </c>
      <c r="AI28" s="1"/>
      <c r="AJ28" s="1"/>
      <c r="AK28" s="1"/>
      <c r="AL28" s="1" t="s">
        <v>888</v>
      </c>
      <c r="AM28" s="1"/>
      <c r="AN28" s="1"/>
      <c r="AO28" s="1"/>
      <c r="AP28" t="s">
        <v>888</v>
      </c>
      <c r="AQ28" s="1"/>
      <c r="AR28" s="1">
        <v>2.0000000000000001E-4</v>
      </c>
      <c r="AS28" s="1">
        <v>5.0000000000000001E-4</v>
      </c>
      <c r="AT28" s="1"/>
      <c r="AU28" s="1"/>
      <c r="AV28" s="1"/>
      <c r="AW28" s="1"/>
      <c r="AX28" s="1"/>
      <c r="AY28" s="1"/>
      <c r="AZ28" s="1" t="s">
        <v>893</v>
      </c>
      <c r="BA28" s="1">
        <v>1.7999999999999999E-2</v>
      </c>
      <c r="BB28" s="1" t="s">
        <v>895</v>
      </c>
      <c r="BC28" s="1">
        <v>4.5999999999999996</v>
      </c>
      <c r="BD28" s="1">
        <v>4.5999999999999996</v>
      </c>
      <c r="BF28" s="1" t="s">
        <v>885</v>
      </c>
      <c r="BG28" s="1">
        <v>1.4E-3</v>
      </c>
      <c r="BH28" s="1" t="s">
        <v>884</v>
      </c>
      <c r="BI28" s="1" t="s">
        <v>882</v>
      </c>
      <c r="BJ28" s="1"/>
      <c r="BK28" s="1"/>
      <c r="BL28" s="1"/>
      <c r="BM28" s="1" t="s">
        <v>900</v>
      </c>
      <c r="BN28" s="1">
        <v>7.6999999999999999E-2</v>
      </c>
      <c r="BO28" s="1">
        <v>34</v>
      </c>
      <c r="BP28" s="1">
        <v>18</v>
      </c>
      <c r="BQ28" s="1"/>
      <c r="BR28" s="1" t="s">
        <v>90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70833333333333337</v>
      </c>
      <c r="C29" s="1" t="s">
        <v>855</v>
      </c>
      <c r="D29" s="1" t="s">
        <v>85</v>
      </c>
      <c r="E29" s="1" t="s">
        <v>28</v>
      </c>
      <c r="F29" s="1" t="s">
        <v>92</v>
      </c>
      <c r="G29" s="1" t="s">
        <v>250</v>
      </c>
      <c r="H29" s="1" t="s">
        <v>200</v>
      </c>
      <c r="I29" s="1" t="s">
        <v>557</v>
      </c>
      <c r="J29" s="1" t="s">
        <v>72</v>
      </c>
      <c r="K29" s="1" t="s">
        <v>223</v>
      </c>
      <c r="L29" s="1" t="s">
        <v>34</v>
      </c>
      <c r="N29" s="1" t="s">
        <v>35</v>
      </c>
      <c r="O29" s="1" t="s">
        <v>278</v>
      </c>
      <c r="P29" s="1" t="s">
        <v>37</v>
      </c>
      <c r="Q29" s="1" t="s">
        <v>179</v>
      </c>
      <c r="R29" s="1" t="s">
        <v>108</v>
      </c>
      <c r="S29" s="1" t="s">
        <v>328</v>
      </c>
      <c r="T29" s="1" t="s">
        <v>60</v>
      </c>
      <c r="U29" s="1">
        <v>7.9</v>
      </c>
      <c r="V29" s="1"/>
      <c r="W29" s="1"/>
      <c r="X29" s="1"/>
      <c r="Y29" s="1"/>
      <c r="Z29" s="1"/>
      <c r="AA29" t="s">
        <v>928</v>
      </c>
      <c r="AB29" t="s">
        <v>928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34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5833333333333337</v>
      </c>
      <c r="C30" s="1" t="s">
        <v>855</v>
      </c>
      <c r="D30" s="1" t="s">
        <v>85</v>
      </c>
      <c r="E30" s="1" t="s">
        <v>28</v>
      </c>
      <c r="F30" s="1" t="s">
        <v>202</v>
      </c>
      <c r="G30" s="1" t="s">
        <v>249</v>
      </c>
      <c r="H30" s="1" t="s">
        <v>209</v>
      </c>
      <c r="I30" s="1" t="s">
        <v>757</v>
      </c>
      <c r="J30" s="1" t="s">
        <v>63</v>
      </c>
      <c r="K30" s="1" t="s">
        <v>331</v>
      </c>
      <c r="L30" s="1" t="s">
        <v>34</v>
      </c>
      <c r="N30" s="1" t="s">
        <v>35</v>
      </c>
      <c r="O30" s="1" t="s">
        <v>278</v>
      </c>
      <c r="P30" s="1" t="s">
        <v>37</v>
      </c>
      <c r="Q30" s="1" t="s">
        <v>186</v>
      </c>
      <c r="R30" s="1" t="s">
        <v>108</v>
      </c>
      <c r="S30" s="1" t="s">
        <v>163</v>
      </c>
      <c r="T30" s="1" t="s">
        <v>60</v>
      </c>
      <c r="U30" s="1">
        <v>7.1</v>
      </c>
      <c r="V30" s="1"/>
      <c r="W30" s="1"/>
      <c r="X30" s="1">
        <v>5.9</v>
      </c>
      <c r="Y30" s="1">
        <v>0.12</v>
      </c>
      <c r="Z30" s="1"/>
      <c r="AA30" t="s">
        <v>928</v>
      </c>
      <c r="AB30" t="s">
        <v>928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36</v>
      </c>
      <c r="BP30" s="1">
        <v>22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66</v>
      </c>
      <c r="B31" s="2">
        <v>0.20833333333333334</v>
      </c>
      <c r="C31" s="1" t="s">
        <v>855</v>
      </c>
      <c r="D31" s="1" t="s">
        <v>85</v>
      </c>
      <c r="E31" s="1" t="s">
        <v>28</v>
      </c>
      <c r="F31" s="1" t="s">
        <v>202</v>
      </c>
      <c r="G31" s="1" t="s">
        <v>249</v>
      </c>
      <c r="H31" s="1" t="s">
        <v>190</v>
      </c>
      <c r="I31" s="1" t="s">
        <v>650</v>
      </c>
      <c r="J31" s="1" t="s">
        <v>72</v>
      </c>
      <c r="K31" s="1" t="s">
        <v>223</v>
      </c>
      <c r="L31" s="1" t="s">
        <v>34</v>
      </c>
      <c r="N31" s="1" t="s">
        <v>35</v>
      </c>
      <c r="O31" s="1" t="s">
        <v>278</v>
      </c>
      <c r="P31" s="1" t="s">
        <v>37</v>
      </c>
      <c r="Q31" s="1" t="s">
        <v>179</v>
      </c>
      <c r="R31" s="1" t="s">
        <v>255</v>
      </c>
      <c r="S31" s="1" t="s">
        <v>40</v>
      </c>
      <c r="T31" s="1" t="s">
        <v>60</v>
      </c>
      <c r="U31" s="1">
        <v>6.3</v>
      </c>
      <c r="V31" s="1"/>
      <c r="W31" s="1"/>
      <c r="X31" s="1"/>
      <c r="Y31" s="1"/>
      <c r="Z31" s="1"/>
      <c r="AA31" t="s">
        <v>928</v>
      </c>
      <c r="AB31" t="s">
        <v>928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36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68</v>
      </c>
      <c r="B32" s="2">
        <v>0.49305555555555558</v>
      </c>
      <c r="C32" s="1" t="s">
        <v>855</v>
      </c>
      <c r="D32" s="1" t="s">
        <v>27</v>
      </c>
      <c r="E32" s="1" t="s">
        <v>474</v>
      </c>
      <c r="F32" s="1" t="s">
        <v>106</v>
      </c>
      <c r="G32" s="1" t="s">
        <v>249</v>
      </c>
      <c r="H32" s="1" t="s">
        <v>345</v>
      </c>
      <c r="I32" s="1" t="s">
        <v>403</v>
      </c>
      <c r="J32" s="1" t="s">
        <v>44</v>
      </c>
      <c r="K32" s="1" t="s">
        <v>280</v>
      </c>
      <c r="L32" s="1" t="s">
        <v>95</v>
      </c>
      <c r="N32" s="1" t="s">
        <v>35</v>
      </c>
      <c r="O32" s="1" t="s">
        <v>278</v>
      </c>
      <c r="P32" s="1" t="s">
        <v>37</v>
      </c>
      <c r="Q32" s="1" t="s">
        <v>171</v>
      </c>
      <c r="R32" s="1" t="s">
        <v>115</v>
      </c>
      <c r="S32" s="1" t="s">
        <v>50</v>
      </c>
      <c r="T32" s="1" t="s">
        <v>286</v>
      </c>
      <c r="U32" s="1">
        <v>8.8000000000000007</v>
      </c>
      <c r="V32" s="4">
        <v>33000</v>
      </c>
      <c r="W32" s="1"/>
      <c r="X32" s="1">
        <v>5.2</v>
      </c>
      <c r="Y32" s="1">
        <v>0.18</v>
      </c>
      <c r="Z32" s="1"/>
      <c r="AA32" t="s">
        <v>928</v>
      </c>
      <c r="AB32" t="s">
        <v>928</v>
      </c>
      <c r="AC32" s="1" t="s">
        <v>881</v>
      </c>
      <c r="AD32" s="1" t="s">
        <v>882</v>
      </c>
      <c r="AE32" s="1" t="s">
        <v>883</v>
      </c>
      <c r="AF32" s="1" t="s">
        <v>884</v>
      </c>
      <c r="AG32" s="1" t="s">
        <v>883</v>
      </c>
      <c r="AH32" s="1" t="s">
        <v>883</v>
      </c>
      <c r="AI32" s="1"/>
      <c r="AJ32" s="1"/>
      <c r="AK32" s="1"/>
      <c r="AL32" s="1" t="s">
        <v>888</v>
      </c>
      <c r="AM32" s="1"/>
      <c r="AN32" s="1"/>
      <c r="AO32" s="1"/>
      <c r="AP32" t="s">
        <v>888</v>
      </c>
      <c r="AQ32" s="1"/>
      <c r="AR32" s="1">
        <v>2.0000000000000001E-4</v>
      </c>
      <c r="AS32" s="1">
        <v>5.9999999999999995E-4</v>
      </c>
      <c r="AT32" s="1"/>
      <c r="AU32" s="1"/>
      <c r="AV32" s="1"/>
      <c r="AW32" s="1"/>
      <c r="AX32" s="1"/>
      <c r="AY32" s="1"/>
      <c r="AZ32" s="1"/>
      <c r="BA32" s="1"/>
      <c r="BB32" s="1">
        <v>0.17</v>
      </c>
      <c r="BC32" s="1">
        <v>4.5999999999999996</v>
      </c>
      <c r="BD32" s="1">
        <v>4.7</v>
      </c>
      <c r="BF32" s="1"/>
      <c r="BG32" s="1"/>
      <c r="BH32" s="1"/>
      <c r="BI32" s="1"/>
      <c r="BJ32" s="1"/>
      <c r="BK32" s="1"/>
      <c r="BL32" s="1"/>
      <c r="BM32" s="1" t="s">
        <v>900</v>
      </c>
      <c r="BN32" s="1">
        <v>0.13</v>
      </c>
      <c r="BO32" s="1">
        <v>37</v>
      </c>
      <c r="BP32" s="1">
        <v>23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72916666666666663</v>
      </c>
      <c r="C33" s="1" t="s">
        <v>855</v>
      </c>
      <c r="D33" s="1" t="s">
        <v>27</v>
      </c>
      <c r="E33" s="1" t="s">
        <v>474</v>
      </c>
      <c r="F33" s="1" t="s">
        <v>43</v>
      </c>
      <c r="G33" s="1" t="s">
        <v>167</v>
      </c>
      <c r="H33" s="1" t="s">
        <v>331</v>
      </c>
      <c r="I33" s="1" t="s">
        <v>479</v>
      </c>
      <c r="J33" s="1" t="s">
        <v>44</v>
      </c>
      <c r="K33" s="1" t="s">
        <v>280</v>
      </c>
      <c r="L33" s="1" t="s">
        <v>34</v>
      </c>
      <c r="N33" s="1" t="s">
        <v>35</v>
      </c>
      <c r="O33" s="1" t="s">
        <v>278</v>
      </c>
      <c r="P33" s="1" t="s">
        <v>37</v>
      </c>
      <c r="Q33" s="1" t="s">
        <v>179</v>
      </c>
      <c r="R33" s="1" t="s">
        <v>196</v>
      </c>
      <c r="S33" s="1" t="s">
        <v>122</v>
      </c>
      <c r="T33" s="1" t="s">
        <v>41</v>
      </c>
      <c r="U33" s="1">
        <v>7.4</v>
      </c>
      <c r="V33" s="1"/>
      <c r="W33" s="1"/>
      <c r="X33" s="1"/>
      <c r="Y33" s="1"/>
      <c r="Z33" s="1"/>
      <c r="AA33" t="s">
        <v>928</v>
      </c>
      <c r="AB33" t="s">
        <v>928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37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5833333333333337</v>
      </c>
      <c r="C34" s="1" t="s">
        <v>855</v>
      </c>
      <c r="D34" s="1" t="s">
        <v>27</v>
      </c>
      <c r="E34" s="1" t="s">
        <v>474</v>
      </c>
      <c r="F34" s="1" t="s">
        <v>176</v>
      </c>
      <c r="G34" s="1" t="s">
        <v>114</v>
      </c>
      <c r="H34" s="1" t="s">
        <v>237</v>
      </c>
      <c r="I34" s="1" t="s">
        <v>393</v>
      </c>
      <c r="J34" s="1" t="s">
        <v>44</v>
      </c>
      <c r="K34" s="1" t="s">
        <v>334</v>
      </c>
      <c r="L34" s="1" t="s">
        <v>34</v>
      </c>
      <c r="N34" s="1" t="s">
        <v>35</v>
      </c>
      <c r="O34" s="1" t="s">
        <v>278</v>
      </c>
      <c r="P34" s="1" t="s">
        <v>37</v>
      </c>
      <c r="Q34" s="1" t="s">
        <v>186</v>
      </c>
      <c r="R34" s="1" t="s">
        <v>146</v>
      </c>
      <c r="S34" s="1" t="s">
        <v>135</v>
      </c>
      <c r="T34" s="1" t="s">
        <v>41</v>
      </c>
      <c r="U34" s="1">
        <v>6.9</v>
      </c>
      <c r="V34" s="1"/>
      <c r="W34" s="1"/>
      <c r="X34" s="1">
        <v>5.7</v>
      </c>
      <c r="Y34" s="1">
        <v>0.19</v>
      </c>
      <c r="Z34" s="1"/>
      <c r="AA34" t="s">
        <v>928</v>
      </c>
      <c r="AB34" t="s">
        <v>928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39</v>
      </c>
      <c r="BP34" s="1">
        <v>27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72</v>
      </c>
      <c r="B35" s="2">
        <v>0.20833333333333334</v>
      </c>
      <c r="C35" s="1" t="s">
        <v>855</v>
      </c>
      <c r="D35" s="1" t="s">
        <v>27</v>
      </c>
      <c r="E35" s="1" t="s">
        <v>474</v>
      </c>
      <c r="F35" s="1" t="s">
        <v>188</v>
      </c>
      <c r="G35" s="1" t="s">
        <v>176</v>
      </c>
      <c r="H35" s="1" t="s">
        <v>331</v>
      </c>
      <c r="I35" s="1" t="s">
        <v>209</v>
      </c>
      <c r="J35" s="1" t="s">
        <v>44</v>
      </c>
      <c r="K35" s="1" t="s">
        <v>334</v>
      </c>
      <c r="L35" s="1" t="s">
        <v>34</v>
      </c>
      <c r="N35" s="1" t="s">
        <v>35</v>
      </c>
      <c r="O35" s="1" t="s">
        <v>278</v>
      </c>
      <c r="P35" s="1" t="s">
        <v>37</v>
      </c>
      <c r="Q35" s="1" t="s">
        <v>186</v>
      </c>
      <c r="R35" s="1" t="s">
        <v>121</v>
      </c>
      <c r="S35" s="1" t="s">
        <v>445</v>
      </c>
      <c r="T35" s="1" t="s">
        <v>60</v>
      </c>
      <c r="U35" s="1">
        <v>7.1</v>
      </c>
      <c r="V35" s="1"/>
      <c r="W35" s="1"/>
      <c r="X35" s="1"/>
      <c r="Y35" s="1"/>
      <c r="Z35" s="1"/>
      <c r="AA35" t="s">
        <v>928</v>
      </c>
      <c r="AB35" t="s">
        <v>928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35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37</v>
      </c>
      <c r="B36" s="2">
        <v>0.47916666666666669</v>
      </c>
      <c r="C36" s="1" t="s">
        <v>855</v>
      </c>
      <c r="D36" s="1" t="s">
        <v>85</v>
      </c>
      <c r="E36" s="1" t="s">
        <v>856</v>
      </c>
      <c r="F36" s="1" t="s">
        <v>202</v>
      </c>
      <c r="G36" s="1" t="s">
        <v>203</v>
      </c>
      <c r="H36" s="1" t="s">
        <v>280</v>
      </c>
      <c r="I36" s="1" t="s">
        <v>758</v>
      </c>
      <c r="J36" s="1" t="s">
        <v>44</v>
      </c>
      <c r="K36" s="1" t="s">
        <v>208</v>
      </c>
      <c r="L36" s="1" t="s">
        <v>95</v>
      </c>
      <c r="N36" s="1" t="s">
        <v>35</v>
      </c>
      <c r="O36" s="1" t="s">
        <v>278</v>
      </c>
      <c r="P36" s="1" t="s">
        <v>37</v>
      </c>
      <c r="Q36" s="1" t="s">
        <v>179</v>
      </c>
      <c r="R36" s="1" t="s">
        <v>328</v>
      </c>
      <c r="S36" s="1" t="s">
        <v>50</v>
      </c>
      <c r="T36" s="1" t="s">
        <v>174</v>
      </c>
      <c r="U36" s="1">
        <v>8.3000000000000007</v>
      </c>
      <c r="V36" s="4">
        <v>22000</v>
      </c>
      <c r="W36" s="1"/>
      <c r="X36" s="1">
        <v>5.3</v>
      </c>
      <c r="Y36" s="1">
        <v>0.33</v>
      </c>
      <c r="Z36" s="1">
        <v>1.7999999999999999E-2</v>
      </c>
      <c r="AA36" t="s">
        <v>926</v>
      </c>
      <c r="AB36" t="s">
        <v>963</v>
      </c>
      <c r="AC36" s="1" t="s">
        <v>881</v>
      </c>
      <c r="AD36" s="1" t="s">
        <v>882</v>
      </c>
      <c r="AE36" s="1" t="s">
        <v>883</v>
      </c>
      <c r="AF36" s="1" t="s">
        <v>884</v>
      </c>
      <c r="AG36" s="1" t="s">
        <v>883</v>
      </c>
      <c r="AH36" s="1" t="s">
        <v>883</v>
      </c>
      <c r="AI36" s="1"/>
      <c r="AJ36" s="1"/>
      <c r="AK36" s="1"/>
      <c r="AL36" s="1" t="s">
        <v>888</v>
      </c>
      <c r="AM36" s="1"/>
      <c r="AN36" s="1"/>
      <c r="AO36" s="1"/>
      <c r="AP36" t="s">
        <v>888</v>
      </c>
      <c r="AQ36" s="1"/>
      <c r="AR36" s="1" t="s">
        <v>888</v>
      </c>
      <c r="AS36" s="1">
        <v>4.0000000000000002E-4</v>
      </c>
      <c r="AT36" s="1"/>
      <c r="AU36" s="1"/>
      <c r="AV36" s="1"/>
      <c r="AW36" s="1"/>
      <c r="AX36" s="1"/>
      <c r="AY36" s="1"/>
      <c r="AZ36" s="1" t="s">
        <v>893</v>
      </c>
      <c r="BA36" s="1">
        <v>2.1000000000000001E-2</v>
      </c>
      <c r="BB36" s="1">
        <v>0.31</v>
      </c>
      <c r="BC36" s="1">
        <v>4.5999999999999996</v>
      </c>
      <c r="BD36" s="1">
        <v>4.9000000000000004</v>
      </c>
      <c r="BF36" s="1" t="s">
        <v>885</v>
      </c>
      <c r="BG36" s="1">
        <v>3.2000000000000002E-3</v>
      </c>
      <c r="BH36" s="1" t="s">
        <v>884</v>
      </c>
      <c r="BI36" s="1" t="s">
        <v>882</v>
      </c>
      <c r="BJ36" s="1"/>
      <c r="BK36" s="1"/>
      <c r="BL36" s="1"/>
      <c r="BM36" s="1" t="s">
        <v>900</v>
      </c>
      <c r="BN36" s="1">
        <v>0.26</v>
      </c>
      <c r="BO36" s="1">
        <v>38</v>
      </c>
      <c r="BP36" s="1">
        <v>28</v>
      </c>
      <c r="BQ36" s="1"/>
      <c r="BR36" s="1" t="s">
        <v>90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72916666666666663</v>
      </c>
      <c r="C37" s="1" t="s">
        <v>855</v>
      </c>
      <c r="D37" s="1" t="s">
        <v>85</v>
      </c>
      <c r="E37" s="1" t="s">
        <v>856</v>
      </c>
      <c r="F37" s="1" t="s">
        <v>203</v>
      </c>
      <c r="G37" s="1" t="s">
        <v>167</v>
      </c>
      <c r="H37" s="1" t="s">
        <v>254</v>
      </c>
      <c r="I37" s="1" t="s">
        <v>427</v>
      </c>
      <c r="J37" s="1" t="s">
        <v>207</v>
      </c>
      <c r="K37" s="1" t="s">
        <v>169</v>
      </c>
      <c r="L37" s="1" t="s">
        <v>34</v>
      </c>
      <c r="N37" s="1" t="s">
        <v>35</v>
      </c>
      <c r="O37" s="1" t="s">
        <v>278</v>
      </c>
      <c r="P37" s="1" t="s">
        <v>37</v>
      </c>
      <c r="Q37" s="1" t="s">
        <v>179</v>
      </c>
      <c r="R37" s="1" t="s">
        <v>49</v>
      </c>
      <c r="S37" s="1" t="s">
        <v>91</v>
      </c>
      <c r="T37" s="1" t="s">
        <v>68</v>
      </c>
      <c r="U37" s="1">
        <v>7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37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5833333333333337</v>
      </c>
      <c r="C38" s="1" t="s">
        <v>855</v>
      </c>
      <c r="D38" s="1" t="s">
        <v>85</v>
      </c>
      <c r="E38" s="1" t="s">
        <v>856</v>
      </c>
      <c r="F38" s="1" t="s">
        <v>176</v>
      </c>
      <c r="G38" s="1" t="s">
        <v>42</v>
      </c>
      <c r="H38" s="1" t="s">
        <v>345</v>
      </c>
      <c r="I38" s="1" t="s">
        <v>483</v>
      </c>
      <c r="J38" s="1" t="s">
        <v>44</v>
      </c>
      <c r="K38" s="1" t="s">
        <v>208</v>
      </c>
      <c r="L38" s="1" t="s">
        <v>34</v>
      </c>
      <c r="N38" s="1" t="s">
        <v>35</v>
      </c>
      <c r="O38" s="1" t="s">
        <v>278</v>
      </c>
      <c r="P38" s="1" t="s">
        <v>37</v>
      </c>
      <c r="Q38" s="1" t="s">
        <v>186</v>
      </c>
      <c r="R38" s="1" t="s">
        <v>445</v>
      </c>
      <c r="S38" s="1" t="s">
        <v>67</v>
      </c>
      <c r="T38" s="1" t="s">
        <v>41</v>
      </c>
      <c r="U38" s="1">
        <v>6.3</v>
      </c>
      <c r="V38" s="1"/>
      <c r="W38" s="1"/>
      <c r="X38" s="1">
        <v>6.2</v>
      </c>
      <c r="Y38" s="1">
        <v>0.3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40</v>
      </c>
      <c r="BP38" s="1">
        <v>29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84</v>
      </c>
      <c r="B39" s="2">
        <v>0.20833333333333334</v>
      </c>
      <c r="C39" s="1" t="s">
        <v>855</v>
      </c>
      <c r="D39" s="1" t="s">
        <v>164</v>
      </c>
      <c r="E39" s="1" t="s">
        <v>856</v>
      </c>
      <c r="F39" s="1" t="s">
        <v>117</v>
      </c>
      <c r="G39" s="1" t="s">
        <v>125</v>
      </c>
      <c r="H39" s="1" t="s">
        <v>345</v>
      </c>
      <c r="I39" s="1" t="s">
        <v>741</v>
      </c>
      <c r="J39" s="1" t="s">
        <v>72</v>
      </c>
      <c r="K39" s="1" t="s">
        <v>243</v>
      </c>
      <c r="L39" s="1" t="s">
        <v>34</v>
      </c>
      <c r="N39" s="1" t="s">
        <v>35</v>
      </c>
      <c r="O39" s="1" t="s">
        <v>278</v>
      </c>
      <c r="P39" s="1" t="s">
        <v>37</v>
      </c>
      <c r="Q39" s="1" t="s">
        <v>186</v>
      </c>
      <c r="R39" s="1" t="s">
        <v>122</v>
      </c>
      <c r="S39" s="1" t="s">
        <v>338</v>
      </c>
      <c r="T39" s="1" t="s">
        <v>41</v>
      </c>
      <c r="U39" s="1">
        <v>6.4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40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44</v>
      </c>
      <c r="B40" s="2">
        <v>0.47916666666666669</v>
      </c>
      <c r="C40" s="1" t="s">
        <v>855</v>
      </c>
      <c r="D40" s="1" t="s">
        <v>27</v>
      </c>
      <c r="E40" s="1" t="s">
        <v>28</v>
      </c>
      <c r="F40" s="1" t="s">
        <v>699</v>
      </c>
      <c r="G40" s="1" t="s">
        <v>166</v>
      </c>
      <c r="H40" s="1" t="s">
        <v>265</v>
      </c>
      <c r="I40" s="1" t="s">
        <v>759</v>
      </c>
      <c r="J40" s="1" t="s">
        <v>44</v>
      </c>
      <c r="K40" s="1" t="s">
        <v>208</v>
      </c>
      <c r="L40" s="1" t="s">
        <v>34</v>
      </c>
      <c r="N40" s="1" t="s">
        <v>35</v>
      </c>
      <c r="O40" s="1" t="s">
        <v>278</v>
      </c>
      <c r="P40" s="1" t="s">
        <v>37</v>
      </c>
      <c r="Q40" s="1" t="s">
        <v>179</v>
      </c>
      <c r="R40" s="1" t="s">
        <v>220</v>
      </c>
      <c r="S40" s="1" t="s">
        <v>76</v>
      </c>
      <c r="T40" s="1" t="s">
        <v>60</v>
      </c>
      <c r="U40" s="1">
        <v>8.9</v>
      </c>
      <c r="V40" s="4">
        <v>3300</v>
      </c>
      <c r="W40" s="1"/>
      <c r="X40" s="1">
        <v>6.4</v>
      </c>
      <c r="Y40" s="1">
        <v>0.25</v>
      </c>
      <c r="Z40" s="1"/>
      <c r="AC40" s="1" t="s">
        <v>881</v>
      </c>
      <c r="AD40" s="1" t="s">
        <v>882</v>
      </c>
      <c r="AE40" s="1" t="s">
        <v>883</v>
      </c>
      <c r="AF40" s="1" t="s">
        <v>884</v>
      </c>
      <c r="AG40" s="1" t="s">
        <v>883</v>
      </c>
      <c r="AH40" s="1" t="s">
        <v>883</v>
      </c>
      <c r="AI40" s="1"/>
      <c r="AJ40" s="1"/>
      <c r="AK40" s="1"/>
      <c r="AL40" s="1" t="s">
        <v>888</v>
      </c>
      <c r="AM40" s="1"/>
      <c r="AN40" s="1"/>
      <c r="AO40" s="1"/>
      <c r="AP40" t="s">
        <v>888</v>
      </c>
      <c r="AQ40" s="1"/>
      <c r="AR40" s="1" t="s">
        <v>888</v>
      </c>
      <c r="AS40" s="1">
        <v>5.0000000000000001E-4</v>
      </c>
      <c r="AT40" s="1"/>
      <c r="AU40" s="1"/>
      <c r="AV40" s="1"/>
      <c r="AW40" s="1"/>
      <c r="AX40" s="1"/>
      <c r="AY40" s="1"/>
      <c r="AZ40" s="1"/>
      <c r="BA40" s="1"/>
      <c r="BB40" s="1">
        <v>0.28999999999999998</v>
      </c>
      <c r="BC40" s="1">
        <v>4.9000000000000004</v>
      </c>
      <c r="BD40" s="1">
        <v>5.0999999999999996</v>
      </c>
      <c r="BF40" s="1"/>
      <c r="BG40" s="1"/>
      <c r="BH40" s="1"/>
      <c r="BI40" s="1"/>
      <c r="BJ40" s="1"/>
      <c r="BK40" s="1"/>
      <c r="BL40" s="1"/>
      <c r="BM40" s="1">
        <v>0.08</v>
      </c>
      <c r="BN40" s="1">
        <v>0.18</v>
      </c>
      <c r="BO40" s="1">
        <v>36</v>
      </c>
      <c r="BP40" s="1">
        <v>27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72916666666666663</v>
      </c>
      <c r="C41" s="1" t="s">
        <v>855</v>
      </c>
      <c r="D41" s="1" t="s">
        <v>27</v>
      </c>
      <c r="E41" s="1" t="s">
        <v>28</v>
      </c>
      <c r="F41" s="1" t="s">
        <v>81</v>
      </c>
      <c r="G41" s="1" t="s">
        <v>166</v>
      </c>
      <c r="H41" s="1" t="s">
        <v>254</v>
      </c>
      <c r="I41" s="1" t="s">
        <v>622</v>
      </c>
      <c r="J41" s="1" t="s">
        <v>63</v>
      </c>
      <c r="K41" s="1" t="s">
        <v>331</v>
      </c>
      <c r="L41" s="1" t="s">
        <v>34</v>
      </c>
      <c r="N41" s="1" t="s">
        <v>35</v>
      </c>
      <c r="O41" s="1" t="s">
        <v>278</v>
      </c>
      <c r="P41" s="1" t="s">
        <v>37</v>
      </c>
      <c r="Q41" s="1" t="s">
        <v>171</v>
      </c>
      <c r="R41" s="1" t="s">
        <v>122</v>
      </c>
      <c r="S41" s="1" t="s">
        <v>529</v>
      </c>
      <c r="T41" s="1" t="s">
        <v>68</v>
      </c>
      <c r="U41" s="1">
        <v>7.8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40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5833333333333337</v>
      </c>
      <c r="C42" s="1" t="s">
        <v>855</v>
      </c>
      <c r="D42" s="1" t="s">
        <v>27</v>
      </c>
      <c r="E42" s="1" t="s">
        <v>28</v>
      </c>
      <c r="F42" s="1" t="s">
        <v>584</v>
      </c>
      <c r="G42" s="1" t="s">
        <v>291</v>
      </c>
      <c r="H42" s="1" t="s">
        <v>355</v>
      </c>
      <c r="I42" s="1" t="s">
        <v>402</v>
      </c>
      <c r="J42" s="1" t="s">
        <v>44</v>
      </c>
      <c r="K42" s="1" t="s">
        <v>334</v>
      </c>
      <c r="L42" s="1" t="s">
        <v>34</v>
      </c>
      <c r="N42" s="1" t="s">
        <v>35</v>
      </c>
      <c r="O42" s="1" t="s">
        <v>278</v>
      </c>
      <c r="P42" s="1" t="s">
        <v>37</v>
      </c>
      <c r="Q42" s="1" t="s">
        <v>186</v>
      </c>
      <c r="R42" s="1" t="s">
        <v>584</v>
      </c>
      <c r="S42" s="1" t="s">
        <v>323</v>
      </c>
      <c r="T42" s="1" t="s">
        <v>41</v>
      </c>
      <c r="U42" s="1">
        <v>6.9</v>
      </c>
      <c r="V42" s="1"/>
      <c r="W42" s="1"/>
      <c r="X42" s="1">
        <v>6.8</v>
      </c>
      <c r="Y42" s="1">
        <v>0.56999999999999995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44</v>
      </c>
      <c r="BP42" s="1">
        <v>38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93</v>
      </c>
      <c r="B43" s="2">
        <v>0.20833333333333334</v>
      </c>
      <c r="C43" s="1" t="s">
        <v>855</v>
      </c>
      <c r="D43" s="1" t="s">
        <v>27</v>
      </c>
      <c r="E43" s="1" t="s">
        <v>28</v>
      </c>
      <c r="F43" s="1" t="s">
        <v>146</v>
      </c>
      <c r="G43" s="1" t="s">
        <v>81</v>
      </c>
      <c r="H43" s="1" t="s">
        <v>169</v>
      </c>
      <c r="I43" s="1" t="s">
        <v>486</v>
      </c>
      <c r="J43" s="1" t="s">
        <v>72</v>
      </c>
      <c r="K43" s="1" t="s">
        <v>265</v>
      </c>
      <c r="L43" s="1" t="s">
        <v>34</v>
      </c>
      <c r="N43" s="1" t="s">
        <v>35</v>
      </c>
      <c r="O43" s="1" t="s">
        <v>278</v>
      </c>
      <c r="P43" s="1" t="s">
        <v>37</v>
      </c>
      <c r="Q43" s="1" t="s">
        <v>186</v>
      </c>
      <c r="R43" s="1" t="s">
        <v>216</v>
      </c>
      <c r="S43" s="1" t="s">
        <v>338</v>
      </c>
      <c r="T43" s="1" t="s">
        <v>41</v>
      </c>
      <c r="U43" s="1">
        <v>7.3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43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95</v>
      </c>
      <c r="B44" s="2">
        <v>0.5</v>
      </c>
      <c r="C44" s="1" t="s">
        <v>855</v>
      </c>
      <c r="D44" s="1" t="s">
        <v>85</v>
      </c>
      <c r="E44" s="1" t="s">
        <v>28</v>
      </c>
      <c r="F44" s="1" t="s">
        <v>291</v>
      </c>
      <c r="G44" s="1" t="s">
        <v>166</v>
      </c>
      <c r="H44" s="1" t="s">
        <v>265</v>
      </c>
      <c r="I44" s="1" t="s">
        <v>760</v>
      </c>
      <c r="J44" s="1" t="s">
        <v>63</v>
      </c>
      <c r="K44" s="1" t="s">
        <v>224</v>
      </c>
      <c r="L44" s="1" t="s">
        <v>34</v>
      </c>
      <c r="N44" s="1" t="s">
        <v>35</v>
      </c>
      <c r="O44" s="1" t="s">
        <v>278</v>
      </c>
      <c r="P44" s="1" t="s">
        <v>37</v>
      </c>
      <c r="Q44" s="1" t="s">
        <v>179</v>
      </c>
      <c r="R44" s="1" t="s">
        <v>173</v>
      </c>
      <c r="S44" s="1" t="s">
        <v>456</v>
      </c>
      <c r="T44" s="1" t="s">
        <v>60</v>
      </c>
      <c r="U44" s="1">
        <v>9</v>
      </c>
      <c r="V44" s="4">
        <v>13000</v>
      </c>
      <c r="W44" s="1" t="s">
        <v>887</v>
      </c>
      <c r="X44" s="1">
        <v>6</v>
      </c>
      <c r="Y44" s="1">
        <v>0.19</v>
      </c>
      <c r="Z44" s="1">
        <v>0.02</v>
      </c>
      <c r="AA44" t="s">
        <v>926</v>
      </c>
      <c r="AB44" t="s">
        <v>964</v>
      </c>
      <c r="AC44" s="1" t="s">
        <v>881</v>
      </c>
      <c r="AD44" s="1" t="s">
        <v>882</v>
      </c>
      <c r="AE44" s="1" t="s">
        <v>883</v>
      </c>
      <c r="AF44" s="1" t="s">
        <v>884</v>
      </c>
      <c r="AG44" s="1" t="s">
        <v>883</v>
      </c>
      <c r="AH44" s="1" t="s">
        <v>883</v>
      </c>
      <c r="AI44" s="1"/>
      <c r="AJ44" s="1"/>
      <c r="AK44" s="1" t="s">
        <v>888</v>
      </c>
      <c r="AL44" s="1" t="s">
        <v>888</v>
      </c>
      <c r="AM44" s="1" t="s">
        <v>888</v>
      </c>
      <c r="AN44" s="1" t="s">
        <v>888</v>
      </c>
      <c r="AO44" s="1" t="s">
        <v>888</v>
      </c>
      <c r="AP44" t="s">
        <v>888</v>
      </c>
      <c r="AQ44" s="1" t="s">
        <v>888</v>
      </c>
      <c r="AR44" s="1">
        <v>2.0000000000000001E-4</v>
      </c>
      <c r="AS44" s="1">
        <v>2.9999999999999997E-4</v>
      </c>
      <c r="AT44" s="1" t="s">
        <v>896</v>
      </c>
      <c r="AU44" s="1"/>
      <c r="AV44" s="1"/>
      <c r="AW44" s="1"/>
      <c r="AX44" s="1" t="s">
        <v>888</v>
      </c>
      <c r="AY44" s="1" t="s">
        <v>883</v>
      </c>
      <c r="AZ44" s="1" t="s">
        <v>893</v>
      </c>
      <c r="BA44" s="1">
        <v>1.9E-2</v>
      </c>
      <c r="BB44" s="1">
        <v>0.22</v>
      </c>
      <c r="BC44" s="1">
        <v>5</v>
      </c>
      <c r="BD44" s="1">
        <v>5.2</v>
      </c>
      <c r="BF44" s="1" t="s">
        <v>885</v>
      </c>
      <c r="BG44" s="1">
        <v>3.8E-3</v>
      </c>
      <c r="BH44" s="1" t="s">
        <v>884</v>
      </c>
      <c r="BI44" s="1" t="s">
        <v>882</v>
      </c>
      <c r="BJ44" s="1"/>
      <c r="BK44" s="1"/>
      <c r="BL44" s="1">
        <v>2E-3</v>
      </c>
      <c r="BM44" s="1">
        <v>7.0000000000000007E-2</v>
      </c>
      <c r="BN44" s="1">
        <v>0.14000000000000001</v>
      </c>
      <c r="BO44" s="1">
        <v>36</v>
      </c>
      <c r="BP44" s="1">
        <v>27</v>
      </c>
      <c r="BQ44" s="1"/>
      <c r="BR44" s="1" t="s">
        <v>901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71875</v>
      </c>
      <c r="C45" s="1" t="s">
        <v>855</v>
      </c>
      <c r="D45" s="1" t="s">
        <v>85</v>
      </c>
      <c r="E45" s="1" t="s">
        <v>28</v>
      </c>
      <c r="F45" s="1" t="s">
        <v>699</v>
      </c>
      <c r="G45" s="1" t="s">
        <v>166</v>
      </c>
      <c r="H45" s="1" t="s">
        <v>208</v>
      </c>
      <c r="I45" s="1" t="s">
        <v>703</v>
      </c>
      <c r="J45" s="1" t="s">
        <v>32</v>
      </c>
      <c r="K45" s="1" t="s">
        <v>276</v>
      </c>
      <c r="L45" s="1" t="s">
        <v>34</v>
      </c>
      <c r="N45" s="1" t="s">
        <v>35</v>
      </c>
      <c r="O45" s="1" t="s">
        <v>278</v>
      </c>
      <c r="P45" s="1" t="s">
        <v>37</v>
      </c>
      <c r="Q45" s="1" t="s">
        <v>171</v>
      </c>
      <c r="R45" s="1" t="s">
        <v>303</v>
      </c>
      <c r="S45" s="1" t="s">
        <v>135</v>
      </c>
      <c r="T45" s="1" t="s">
        <v>41</v>
      </c>
      <c r="U45" s="1">
        <v>8.5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40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6875</v>
      </c>
      <c r="C46" s="1" t="s">
        <v>855</v>
      </c>
      <c r="D46" s="1" t="s">
        <v>85</v>
      </c>
      <c r="E46" s="1" t="s">
        <v>28</v>
      </c>
      <c r="F46" s="1" t="s">
        <v>81</v>
      </c>
      <c r="G46" s="1" t="s">
        <v>130</v>
      </c>
      <c r="H46" s="1" t="s">
        <v>334</v>
      </c>
      <c r="I46" s="1" t="s">
        <v>761</v>
      </c>
      <c r="J46" s="1" t="s">
        <v>32</v>
      </c>
      <c r="K46" s="1" t="s">
        <v>100</v>
      </c>
      <c r="L46" s="1" t="s">
        <v>34</v>
      </c>
      <c r="N46" s="1" t="s">
        <v>35</v>
      </c>
      <c r="O46" s="1" t="s">
        <v>278</v>
      </c>
      <c r="P46" s="1" t="s">
        <v>37</v>
      </c>
      <c r="Q46" s="1" t="s">
        <v>186</v>
      </c>
      <c r="R46" s="1" t="s">
        <v>529</v>
      </c>
      <c r="S46" s="1" t="s">
        <v>452</v>
      </c>
      <c r="T46" s="1" t="s">
        <v>68</v>
      </c>
      <c r="U46" s="1">
        <v>6.8</v>
      </c>
      <c r="V46" s="1"/>
      <c r="W46" s="1"/>
      <c r="X46" s="1">
        <v>6.6</v>
      </c>
      <c r="Y46" s="1">
        <v>0.32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42</v>
      </c>
      <c r="BP46" s="1">
        <v>36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98</v>
      </c>
      <c r="B47" s="2">
        <v>0.20833333333333334</v>
      </c>
      <c r="C47" s="1" t="s">
        <v>855</v>
      </c>
      <c r="D47" s="1" t="s">
        <v>85</v>
      </c>
      <c r="E47" s="1" t="s">
        <v>28</v>
      </c>
      <c r="F47" s="1" t="s">
        <v>584</v>
      </c>
      <c r="G47" s="1" t="s">
        <v>429</v>
      </c>
      <c r="H47" s="1" t="s">
        <v>334</v>
      </c>
      <c r="I47" s="1" t="s">
        <v>761</v>
      </c>
      <c r="J47" s="1" t="s">
        <v>63</v>
      </c>
      <c r="K47" s="1" t="s">
        <v>33</v>
      </c>
      <c r="L47" s="1" t="s">
        <v>34</v>
      </c>
      <c r="N47" s="1" t="s">
        <v>35</v>
      </c>
      <c r="O47" s="1" t="s">
        <v>278</v>
      </c>
      <c r="P47" s="1" t="s">
        <v>37</v>
      </c>
      <c r="Q47" s="1" t="s">
        <v>186</v>
      </c>
      <c r="R47" s="1" t="s">
        <v>122</v>
      </c>
      <c r="S47" s="1" t="s">
        <v>141</v>
      </c>
      <c r="T47" s="1" t="s">
        <v>41</v>
      </c>
      <c r="U47" s="1">
        <v>7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41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8</v>
      </c>
      <c r="B48" s="2">
        <v>0.48958333333333331</v>
      </c>
      <c r="C48" s="1" t="s">
        <v>855</v>
      </c>
      <c r="D48" s="1" t="s">
        <v>27</v>
      </c>
      <c r="E48" s="1" t="s">
        <v>857</v>
      </c>
      <c r="F48" s="1" t="s">
        <v>43</v>
      </c>
      <c r="G48" s="1" t="s">
        <v>42</v>
      </c>
      <c r="H48" s="1" t="s">
        <v>223</v>
      </c>
      <c r="I48" s="1" t="s">
        <v>762</v>
      </c>
      <c r="J48" s="1" t="s">
        <v>72</v>
      </c>
      <c r="K48" s="1" t="s">
        <v>223</v>
      </c>
      <c r="L48" s="1" t="s">
        <v>34</v>
      </c>
      <c r="N48" s="1" t="s">
        <v>35</v>
      </c>
      <c r="O48" s="1" t="s">
        <v>278</v>
      </c>
      <c r="P48" s="1" t="s">
        <v>37</v>
      </c>
      <c r="Q48" s="1" t="s">
        <v>171</v>
      </c>
      <c r="R48" s="1" t="s">
        <v>109</v>
      </c>
      <c r="S48" s="1" t="s">
        <v>67</v>
      </c>
      <c r="T48" s="1" t="s">
        <v>286</v>
      </c>
      <c r="U48" s="1">
        <v>8.9</v>
      </c>
      <c r="V48" s="4">
        <v>13000</v>
      </c>
      <c r="W48" s="1"/>
      <c r="X48" s="1">
        <v>5</v>
      </c>
      <c r="Y48" s="1">
        <v>0.22</v>
      </c>
      <c r="Z48" s="1"/>
      <c r="AC48" s="1" t="s">
        <v>881</v>
      </c>
      <c r="AD48" s="1" t="s">
        <v>882</v>
      </c>
      <c r="AE48" s="1" t="s">
        <v>883</v>
      </c>
      <c r="AF48" s="1" t="s">
        <v>884</v>
      </c>
      <c r="AG48" s="1" t="s">
        <v>883</v>
      </c>
      <c r="AH48" s="1" t="s">
        <v>883</v>
      </c>
      <c r="AI48" s="1"/>
      <c r="AJ48" s="1"/>
      <c r="AK48" s="1"/>
      <c r="AL48" s="1" t="s">
        <v>888</v>
      </c>
      <c r="AM48" s="1"/>
      <c r="AN48" s="1"/>
      <c r="AO48" s="1"/>
      <c r="AP48" t="s">
        <v>888</v>
      </c>
      <c r="AQ48" s="1"/>
      <c r="AR48" s="1">
        <v>2.0000000000000001E-4</v>
      </c>
      <c r="AS48" s="1">
        <v>4.0000000000000002E-4</v>
      </c>
      <c r="AT48" s="1"/>
      <c r="AU48" s="1" t="s">
        <v>883</v>
      </c>
      <c r="AV48" s="1" t="s">
        <v>881</v>
      </c>
      <c r="AW48" s="1" t="s">
        <v>883</v>
      </c>
      <c r="AX48" s="1"/>
      <c r="AY48" s="1"/>
      <c r="AZ48" s="1"/>
      <c r="BA48" s="1"/>
      <c r="BB48" s="1">
        <v>0.15</v>
      </c>
      <c r="BC48" s="1">
        <v>4.5</v>
      </c>
      <c r="BD48" s="1">
        <v>4.5999999999999996</v>
      </c>
      <c r="BF48" s="1"/>
      <c r="BG48" s="1"/>
      <c r="BH48" s="1"/>
      <c r="BI48" s="1"/>
      <c r="BJ48" s="1"/>
      <c r="BK48" s="1"/>
      <c r="BL48" s="1"/>
      <c r="BM48" s="1" t="s">
        <v>900</v>
      </c>
      <c r="BN48" s="1">
        <v>0.16</v>
      </c>
      <c r="BO48" s="1">
        <v>34</v>
      </c>
      <c r="BP48" s="1">
        <v>27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70833333333333337</v>
      </c>
      <c r="C49" s="1" t="s">
        <v>855</v>
      </c>
      <c r="D49" s="1" t="s">
        <v>85</v>
      </c>
      <c r="E49" s="1" t="s">
        <v>857</v>
      </c>
      <c r="F49" s="1" t="s">
        <v>42</v>
      </c>
      <c r="G49" s="1" t="s">
        <v>176</v>
      </c>
      <c r="H49" s="1" t="s">
        <v>208</v>
      </c>
      <c r="I49" s="1" t="s">
        <v>622</v>
      </c>
      <c r="J49" s="1" t="s">
        <v>44</v>
      </c>
      <c r="K49" s="1" t="s">
        <v>254</v>
      </c>
      <c r="L49" s="1" t="s">
        <v>34</v>
      </c>
      <c r="N49" s="1" t="s">
        <v>35</v>
      </c>
      <c r="O49" s="1" t="s">
        <v>278</v>
      </c>
      <c r="P49" s="1" t="s">
        <v>37</v>
      </c>
      <c r="Q49" s="1" t="s">
        <v>171</v>
      </c>
      <c r="R49" s="1" t="s">
        <v>328</v>
      </c>
      <c r="S49" s="1" t="s">
        <v>135</v>
      </c>
      <c r="T49" s="1" t="s">
        <v>286</v>
      </c>
      <c r="U49" s="1">
        <v>8.5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36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5833333333333337</v>
      </c>
      <c r="C50" s="1" t="s">
        <v>855</v>
      </c>
      <c r="D50" s="1" t="s">
        <v>164</v>
      </c>
      <c r="E50" s="1" t="s">
        <v>857</v>
      </c>
      <c r="F50" s="1" t="s">
        <v>117</v>
      </c>
      <c r="G50" s="1" t="s">
        <v>125</v>
      </c>
      <c r="H50" s="1" t="s">
        <v>254</v>
      </c>
      <c r="I50" s="1" t="s">
        <v>419</v>
      </c>
      <c r="J50" s="1" t="s">
        <v>207</v>
      </c>
      <c r="K50" s="1" t="s">
        <v>169</v>
      </c>
      <c r="L50" s="1" t="s">
        <v>34</v>
      </c>
      <c r="N50" s="1" t="s">
        <v>35</v>
      </c>
      <c r="O50" s="1" t="s">
        <v>278</v>
      </c>
      <c r="P50" s="1" t="s">
        <v>37</v>
      </c>
      <c r="Q50" s="1" t="s">
        <v>179</v>
      </c>
      <c r="R50" s="1" t="s">
        <v>456</v>
      </c>
      <c r="S50" s="1" t="s">
        <v>147</v>
      </c>
      <c r="T50" s="1" t="s">
        <v>68</v>
      </c>
      <c r="U50" s="1">
        <v>6.8</v>
      </c>
      <c r="V50" s="1"/>
      <c r="W50" s="1"/>
      <c r="X50" s="1">
        <v>5.9</v>
      </c>
      <c r="Y50" s="1">
        <v>0.39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39</v>
      </c>
      <c r="BP50" s="1">
        <v>34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06</v>
      </c>
      <c r="B51" s="2">
        <v>0.20833333333333334</v>
      </c>
      <c r="C51" s="1" t="s">
        <v>855</v>
      </c>
      <c r="D51" s="1" t="s">
        <v>164</v>
      </c>
      <c r="E51" s="1" t="s">
        <v>857</v>
      </c>
      <c r="F51" s="1" t="s">
        <v>699</v>
      </c>
      <c r="G51" s="1" t="s">
        <v>166</v>
      </c>
      <c r="H51" s="1" t="s">
        <v>326</v>
      </c>
      <c r="I51" s="1" t="s">
        <v>763</v>
      </c>
      <c r="J51" s="1" t="s">
        <v>45</v>
      </c>
      <c r="K51" s="1" t="s">
        <v>190</v>
      </c>
      <c r="L51" s="1" t="s">
        <v>764</v>
      </c>
      <c r="N51" s="1" t="s">
        <v>35</v>
      </c>
      <c r="O51" s="1" t="s">
        <v>729</v>
      </c>
      <c r="P51" s="1" t="s">
        <v>37</v>
      </c>
      <c r="Q51" s="1" t="s">
        <v>179</v>
      </c>
      <c r="R51" s="1" t="s">
        <v>59</v>
      </c>
      <c r="S51" s="1" t="s">
        <v>415</v>
      </c>
      <c r="T51" s="1" t="s">
        <v>765</v>
      </c>
      <c r="U51" s="1">
        <v>8.5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21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</sheetData>
  <phoneticPr fontId="18"/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2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3</v>
      </c>
      <c r="C1" s="1" t="s">
        <v>1</v>
      </c>
      <c r="D1" s="1" t="s">
        <v>876</v>
      </c>
      <c r="E1" s="1" t="s">
        <v>2</v>
      </c>
      <c r="F1" s="1" t="s">
        <v>866</v>
      </c>
      <c r="G1" s="1" t="s">
        <v>3</v>
      </c>
      <c r="H1" s="1" t="s">
        <v>86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5</v>
      </c>
      <c r="AB2" s="1" t="s">
        <v>919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9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5833333333333331</v>
      </c>
      <c r="C4" s="1" t="s">
        <v>855</v>
      </c>
      <c r="D4" s="1" t="s">
        <v>85</v>
      </c>
      <c r="E4" s="1" t="s">
        <v>28</v>
      </c>
      <c r="F4" s="1" t="s">
        <v>188</v>
      </c>
      <c r="G4" s="1" t="s">
        <v>42</v>
      </c>
      <c r="H4" s="1" t="s">
        <v>205</v>
      </c>
      <c r="I4" s="1" t="s">
        <v>259</v>
      </c>
      <c r="J4" s="1" t="s">
        <v>46</v>
      </c>
      <c r="K4" s="1" t="s">
        <v>55</v>
      </c>
      <c r="L4" s="1" t="s">
        <v>34</v>
      </c>
      <c r="N4" s="1" t="s">
        <v>35</v>
      </c>
      <c r="O4" s="1" t="s">
        <v>278</v>
      </c>
      <c r="P4" s="1" t="s">
        <v>37</v>
      </c>
      <c r="Q4" s="1" t="s">
        <v>81</v>
      </c>
      <c r="R4" s="1" t="s">
        <v>109</v>
      </c>
      <c r="S4" s="1" t="s">
        <v>135</v>
      </c>
      <c r="T4" s="1" t="s">
        <v>136</v>
      </c>
      <c r="U4" s="1">
        <v>9.1999999999999993</v>
      </c>
      <c r="V4" s="4">
        <v>13000</v>
      </c>
      <c r="W4" s="1"/>
      <c r="X4" s="1">
        <v>5.3</v>
      </c>
      <c r="Y4" s="1">
        <v>0.2</v>
      </c>
      <c r="Z4" s="1">
        <v>2.4E-2</v>
      </c>
      <c r="AA4" s="1" t="s">
        <v>926</v>
      </c>
      <c r="AB4" s="1" t="s">
        <v>965</v>
      </c>
      <c r="AC4" s="1" t="s">
        <v>881</v>
      </c>
      <c r="AD4" s="1" t="s">
        <v>882</v>
      </c>
      <c r="AE4" s="1" t="s">
        <v>883</v>
      </c>
      <c r="AF4" s="1" t="s">
        <v>884</v>
      </c>
      <c r="AG4" s="1" t="s">
        <v>883</v>
      </c>
      <c r="AH4" s="1" t="s">
        <v>883</v>
      </c>
      <c r="AI4" s="1"/>
      <c r="AJ4" s="1"/>
      <c r="AK4" s="1"/>
      <c r="AL4" s="1" t="s">
        <v>888</v>
      </c>
      <c r="AM4" s="1"/>
      <c r="AN4" s="1"/>
      <c r="AO4" s="1"/>
      <c r="AP4" t="s">
        <v>888</v>
      </c>
      <c r="AQ4" s="1"/>
      <c r="AR4" s="1" t="s">
        <v>888</v>
      </c>
      <c r="AS4" s="1" t="s">
        <v>888</v>
      </c>
      <c r="AT4" s="1"/>
      <c r="AU4" s="1"/>
      <c r="AV4" s="1"/>
      <c r="AW4" s="1"/>
      <c r="AX4" s="1"/>
      <c r="AY4" s="1"/>
      <c r="AZ4" s="1" t="s">
        <v>893</v>
      </c>
      <c r="BA4" s="1">
        <v>1.9E-2</v>
      </c>
      <c r="BB4" s="1">
        <v>0.19</v>
      </c>
      <c r="BC4" s="1">
        <v>4.5999999999999996</v>
      </c>
      <c r="BD4" s="1">
        <v>4.7</v>
      </c>
      <c r="BE4" s="1"/>
      <c r="BF4" s="1" t="s">
        <v>885</v>
      </c>
      <c r="BG4" s="1">
        <v>5.1000000000000004E-3</v>
      </c>
      <c r="BH4" s="1" t="s">
        <v>884</v>
      </c>
      <c r="BI4" s="1" t="s">
        <v>882</v>
      </c>
      <c r="BJ4" s="1"/>
      <c r="BK4" s="1"/>
      <c r="BL4" s="1"/>
      <c r="BM4" s="1">
        <v>0.21</v>
      </c>
      <c r="BN4" s="1">
        <v>0.16</v>
      </c>
      <c r="BO4" s="1">
        <v>34</v>
      </c>
      <c r="BP4" s="1">
        <v>23</v>
      </c>
      <c r="BQ4" s="1"/>
      <c r="BR4" s="1" t="s">
        <v>90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9791666666666663</v>
      </c>
      <c r="C5" s="1" t="s">
        <v>855</v>
      </c>
      <c r="D5" s="1" t="s">
        <v>85</v>
      </c>
      <c r="E5" s="1" t="s">
        <v>28</v>
      </c>
      <c r="F5" s="1" t="s">
        <v>43</v>
      </c>
      <c r="G5" s="1" t="s">
        <v>167</v>
      </c>
      <c r="H5" s="1" t="s">
        <v>205</v>
      </c>
      <c r="I5" s="1" t="s">
        <v>516</v>
      </c>
      <c r="J5" s="1" t="s">
        <v>46</v>
      </c>
      <c r="K5" s="1" t="s">
        <v>228</v>
      </c>
      <c r="L5" s="1" t="s">
        <v>766</v>
      </c>
      <c r="N5" s="1" t="s">
        <v>35</v>
      </c>
      <c r="O5" s="1" t="s">
        <v>278</v>
      </c>
      <c r="P5" s="1" t="s">
        <v>37</v>
      </c>
      <c r="Q5" s="1" t="s">
        <v>411</v>
      </c>
      <c r="R5" s="1" t="s">
        <v>282</v>
      </c>
      <c r="S5" s="1" t="s">
        <v>347</v>
      </c>
      <c r="T5" s="1" t="s">
        <v>698</v>
      </c>
      <c r="U5" s="1">
        <v>8.8000000000000007</v>
      </c>
      <c r="V5" s="1"/>
      <c r="W5" s="1"/>
      <c r="X5" s="1"/>
      <c r="Y5" s="1"/>
      <c r="Z5" s="1"/>
      <c r="AA5" s="1" t="s">
        <v>928</v>
      </c>
      <c r="AB5" s="1" t="s">
        <v>928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6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4791666666666663</v>
      </c>
      <c r="C6" s="1" t="s">
        <v>855</v>
      </c>
      <c r="D6" s="1" t="s">
        <v>85</v>
      </c>
      <c r="E6" s="1" t="s">
        <v>28</v>
      </c>
      <c r="F6" s="1" t="s">
        <v>43</v>
      </c>
      <c r="G6" s="1" t="s">
        <v>114</v>
      </c>
      <c r="H6" s="1" t="s">
        <v>352</v>
      </c>
      <c r="I6" s="1" t="s">
        <v>767</v>
      </c>
      <c r="J6" s="1" t="s">
        <v>46</v>
      </c>
      <c r="K6" s="1" t="s">
        <v>160</v>
      </c>
      <c r="L6" s="1" t="s">
        <v>34</v>
      </c>
      <c r="N6" s="1" t="s">
        <v>35</v>
      </c>
      <c r="O6" s="1" t="s">
        <v>278</v>
      </c>
      <c r="P6" s="1" t="s">
        <v>37</v>
      </c>
      <c r="Q6" s="1" t="s">
        <v>171</v>
      </c>
      <c r="R6" s="1" t="s">
        <v>181</v>
      </c>
      <c r="S6" s="1" t="s">
        <v>338</v>
      </c>
      <c r="T6" s="1" t="s">
        <v>174</v>
      </c>
      <c r="U6" s="1">
        <v>7.5</v>
      </c>
      <c r="V6" s="1"/>
      <c r="W6" s="1"/>
      <c r="X6" s="1">
        <v>5.6</v>
      </c>
      <c r="Y6" s="1">
        <v>0.2</v>
      </c>
      <c r="Z6" s="1"/>
      <c r="AA6" s="1" t="s">
        <v>928</v>
      </c>
      <c r="AB6" s="1" t="s">
        <v>928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35</v>
      </c>
      <c r="BP6" s="1">
        <v>23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87</v>
      </c>
      <c r="B7" s="2">
        <v>0.1875</v>
      </c>
      <c r="C7" s="1" t="s">
        <v>855</v>
      </c>
      <c r="D7" s="1" t="s">
        <v>85</v>
      </c>
      <c r="E7" s="1" t="s">
        <v>28</v>
      </c>
      <c r="F7" s="1" t="s">
        <v>42</v>
      </c>
      <c r="G7" s="1" t="s">
        <v>114</v>
      </c>
      <c r="H7" s="1" t="s">
        <v>219</v>
      </c>
      <c r="I7" s="1" t="s">
        <v>644</v>
      </c>
      <c r="J7" s="1" t="s">
        <v>64</v>
      </c>
      <c r="K7" s="1" t="s">
        <v>78</v>
      </c>
      <c r="L7" s="1" t="s">
        <v>34</v>
      </c>
      <c r="N7" s="1" t="s">
        <v>35</v>
      </c>
      <c r="O7" s="1" t="s">
        <v>278</v>
      </c>
      <c r="P7" s="1" t="s">
        <v>37</v>
      </c>
      <c r="Q7" s="1" t="s">
        <v>186</v>
      </c>
      <c r="R7" s="1" t="s">
        <v>338</v>
      </c>
      <c r="S7" s="1" t="s">
        <v>67</v>
      </c>
      <c r="T7" s="1" t="s">
        <v>182</v>
      </c>
      <c r="U7" s="1">
        <v>6.7</v>
      </c>
      <c r="V7" s="1"/>
      <c r="W7" s="1"/>
      <c r="X7" s="1"/>
      <c r="Y7" s="1"/>
      <c r="Z7" s="1"/>
      <c r="AA7" s="1" t="s">
        <v>928</v>
      </c>
      <c r="AB7" s="1" t="s">
        <v>928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6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193</v>
      </c>
      <c r="B8" s="2">
        <v>0.55555555555555558</v>
      </c>
      <c r="C8" s="1" t="s">
        <v>855</v>
      </c>
      <c r="D8" s="1" t="s">
        <v>27</v>
      </c>
      <c r="E8" s="1" t="s">
        <v>28</v>
      </c>
      <c r="F8" s="1" t="s">
        <v>232</v>
      </c>
      <c r="G8" s="1" t="s">
        <v>70</v>
      </c>
      <c r="H8" s="1" t="s">
        <v>178</v>
      </c>
      <c r="I8" s="1" t="s">
        <v>768</v>
      </c>
      <c r="J8" s="1" t="s">
        <v>32</v>
      </c>
      <c r="K8" s="1" t="s">
        <v>80</v>
      </c>
      <c r="N8" s="1" t="s">
        <v>728</v>
      </c>
      <c r="O8" s="1" t="s">
        <v>769</v>
      </c>
      <c r="P8" s="1" t="s">
        <v>37</v>
      </c>
      <c r="Q8" s="1" t="s">
        <v>210</v>
      </c>
      <c r="R8" s="1" t="s">
        <v>303</v>
      </c>
      <c r="S8" s="1" t="s">
        <v>147</v>
      </c>
      <c r="U8" s="1">
        <v>7.9</v>
      </c>
      <c r="V8" s="1"/>
      <c r="W8" s="1"/>
      <c r="X8" s="1"/>
      <c r="Y8" s="1"/>
      <c r="Z8" s="1"/>
      <c r="AA8" s="1" t="s">
        <v>928</v>
      </c>
      <c r="AB8" s="1" t="s">
        <v>928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>
        <v>35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875</v>
      </c>
      <c r="C9" s="1" t="s">
        <v>855</v>
      </c>
      <c r="D9" s="1" t="s">
        <v>27</v>
      </c>
      <c r="E9" s="1" t="s">
        <v>28</v>
      </c>
      <c r="F9" s="1" t="s">
        <v>106</v>
      </c>
      <c r="G9" s="1" t="s">
        <v>106</v>
      </c>
      <c r="H9" s="1" t="s">
        <v>342</v>
      </c>
      <c r="I9" s="1" t="s">
        <v>704</v>
      </c>
      <c r="J9" s="1" t="s">
        <v>64</v>
      </c>
      <c r="K9" s="1" t="s">
        <v>126</v>
      </c>
      <c r="L9" s="1" t="s">
        <v>770</v>
      </c>
      <c r="N9" s="1" t="s">
        <v>728</v>
      </c>
      <c r="O9" s="1" t="s">
        <v>769</v>
      </c>
      <c r="P9" s="1" t="s">
        <v>37</v>
      </c>
      <c r="Q9" s="1" t="s">
        <v>210</v>
      </c>
      <c r="R9" s="1" t="s">
        <v>328</v>
      </c>
      <c r="S9" s="1" t="s">
        <v>91</v>
      </c>
      <c r="T9" s="1" t="s">
        <v>764</v>
      </c>
      <c r="U9" s="1">
        <v>7.5</v>
      </c>
      <c r="V9" s="1"/>
      <c r="W9" s="1"/>
      <c r="X9" s="1">
        <v>5.2</v>
      </c>
      <c r="Y9" s="1">
        <v>0.35</v>
      </c>
      <c r="Z9" s="1"/>
      <c r="AA9" s="1" t="s">
        <v>928</v>
      </c>
      <c r="AB9" s="1" t="s">
        <v>928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7</v>
      </c>
      <c r="BP9" s="1">
        <v>27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4652777777777775</v>
      </c>
      <c r="C10" s="1" t="s">
        <v>855</v>
      </c>
      <c r="D10" s="1" t="s">
        <v>85</v>
      </c>
      <c r="E10" s="1" t="s">
        <v>28</v>
      </c>
      <c r="F10" s="1" t="s">
        <v>106</v>
      </c>
      <c r="G10" s="1" t="s">
        <v>249</v>
      </c>
      <c r="H10" s="1" t="s">
        <v>237</v>
      </c>
      <c r="I10" s="1" t="s">
        <v>771</v>
      </c>
      <c r="J10" s="1" t="s">
        <v>32</v>
      </c>
      <c r="K10" s="1" t="s">
        <v>309</v>
      </c>
      <c r="L10" s="1" t="s">
        <v>335</v>
      </c>
      <c r="N10" s="1" t="s">
        <v>35</v>
      </c>
      <c r="O10" s="1" t="s">
        <v>278</v>
      </c>
      <c r="P10" s="1" t="s">
        <v>37</v>
      </c>
      <c r="Q10" s="1" t="s">
        <v>171</v>
      </c>
      <c r="R10" s="1" t="s">
        <v>196</v>
      </c>
      <c r="S10" s="1" t="s">
        <v>282</v>
      </c>
      <c r="T10" s="1" t="s">
        <v>698</v>
      </c>
      <c r="U10" s="1">
        <v>7.4</v>
      </c>
      <c r="V10" s="4">
        <v>33000</v>
      </c>
      <c r="W10" s="1"/>
      <c r="X10" s="1">
        <v>5</v>
      </c>
      <c r="Y10" s="1">
        <v>0.2</v>
      </c>
      <c r="Z10" s="1">
        <v>2.4E-2</v>
      </c>
      <c r="AA10" s="1" t="s">
        <v>928</v>
      </c>
      <c r="AB10" s="1" t="s">
        <v>928</v>
      </c>
      <c r="AC10" s="1" t="s">
        <v>881</v>
      </c>
      <c r="AD10" s="1" t="s">
        <v>882</v>
      </c>
      <c r="AE10" s="1" t="s">
        <v>883</v>
      </c>
      <c r="AF10" s="1" t="s">
        <v>884</v>
      </c>
      <c r="AG10" s="1" t="s">
        <v>883</v>
      </c>
      <c r="AH10" s="1" t="s">
        <v>883</v>
      </c>
      <c r="AI10" s="1"/>
      <c r="AJ10" s="1"/>
      <c r="AK10" s="1"/>
      <c r="AL10" s="1" t="s">
        <v>888</v>
      </c>
      <c r="AM10" s="1"/>
      <c r="AN10" s="1"/>
      <c r="AO10" s="1"/>
      <c r="AP10" t="s">
        <v>888</v>
      </c>
      <c r="AQ10" s="1"/>
      <c r="AR10" s="1" t="s">
        <v>888</v>
      </c>
      <c r="AS10" s="1" t="s">
        <v>888</v>
      </c>
      <c r="AT10" s="1"/>
      <c r="AU10" s="1"/>
      <c r="AV10" s="1"/>
      <c r="AW10" s="1"/>
      <c r="AX10" s="1"/>
      <c r="AY10" s="1"/>
      <c r="AZ10" s="1"/>
      <c r="BA10" s="1"/>
      <c r="BB10" s="1">
        <v>0.16</v>
      </c>
      <c r="BC10" s="1">
        <v>4.4000000000000004</v>
      </c>
      <c r="BD10" s="1">
        <v>4.5</v>
      </c>
      <c r="BE10" s="1"/>
      <c r="BF10" s="1"/>
      <c r="BG10" s="1"/>
      <c r="BH10" s="1"/>
      <c r="BI10" s="1"/>
      <c r="BJ10" s="1"/>
      <c r="BK10" s="1"/>
      <c r="BL10" s="1"/>
      <c r="BM10" s="1">
        <v>0.35</v>
      </c>
      <c r="BN10" s="1">
        <v>0.13</v>
      </c>
      <c r="BO10" s="1">
        <v>35</v>
      </c>
      <c r="BP10" s="1">
        <v>2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1</v>
      </c>
      <c r="B11" s="2">
        <v>0.1875</v>
      </c>
      <c r="C11" s="1" t="s">
        <v>855</v>
      </c>
      <c r="D11" s="1" t="s">
        <v>85</v>
      </c>
      <c r="E11" s="1" t="s">
        <v>28</v>
      </c>
      <c r="F11" s="1" t="s">
        <v>106</v>
      </c>
      <c r="G11" s="1" t="s">
        <v>249</v>
      </c>
      <c r="H11" s="1" t="s">
        <v>200</v>
      </c>
      <c r="I11" s="1" t="s">
        <v>767</v>
      </c>
      <c r="J11" s="1" t="s">
        <v>32</v>
      </c>
      <c r="K11" s="1" t="s">
        <v>309</v>
      </c>
      <c r="L11" s="1" t="s">
        <v>34</v>
      </c>
      <c r="N11" s="1" t="s">
        <v>35</v>
      </c>
      <c r="O11" s="1" t="s">
        <v>278</v>
      </c>
      <c r="P11" s="1" t="s">
        <v>37</v>
      </c>
      <c r="Q11" s="1" t="s">
        <v>171</v>
      </c>
      <c r="R11" s="1" t="s">
        <v>49</v>
      </c>
      <c r="S11" s="1" t="s">
        <v>135</v>
      </c>
      <c r="T11" s="1" t="s">
        <v>136</v>
      </c>
      <c r="U11" s="1">
        <v>7.5</v>
      </c>
      <c r="V11" s="1"/>
      <c r="W11" s="1"/>
      <c r="X11" s="1"/>
      <c r="Y11" s="1"/>
      <c r="Z11" s="1"/>
      <c r="AA11" s="1" t="s">
        <v>928</v>
      </c>
      <c r="AB11" s="1" t="s">
        <v>928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6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69</v>
      </c>
      <c r="B12" s="2">
        <v>0.45833333333333331</v>
      </c>
      <c r="C12" s="1" t="s">
        <v>855</v>
      </c>
      <c r="D12" s="1" t="s">
        <v>85</v>
      </c>
      <c r="E12" s="1" t="s">
        <v>28</v>
      </c>
      <c r="F12" s="1" t="s">
        <v>230</v>
      </c>
      <c r="G12" s="1" t="s">
        <v>246</v>
      </c>
      <c r="H12" s="1" t="s">
        <v>342</v>
      </c>
      <c r="I12" s="1" t="s">
        <v>463</v>
      </c>
      <c r="J12" s="1" t="s">
        <v>32</v>
      </c>
      <c r="K12" s="1" t="s">
        <v>309</v>
      </c>
      <c r="L12" s="1" t="s">
        <v>34</v>
      </c>
      <c r="N12" s="1" t="s">
        <v>35</v>
      </c>
      <c r="O12" s="1" t="s">
        <v>278</v>
      </c>
      <c r="P12" s="1" t="s">
        <v>751</v>
      </c>
      <c r="Q12" s="1" t="s">
        <v>210</v>
      </c>
      <c r="R12" s="1" t="s">
        <v>109</v>
      </c>
      <c r="S12" s="1" t="s">
        <v>50</v>
      </c>
      <c r="T12" s="1" t="s">
        <v>68</v>
      </c>
      <c r="U12" s="1">
        <v>8.3000000000000007</v>
      </c>
      <c r="V12" s="4">
        <v>79000</v>
      </c>
      <c r="W12" s="1"/>
      <c r="X12" s="1">
        <v>5.0999999999999996</v>
      </c>
      <c r="Y12" s="1">
        <v>0.3</v>
      </c>
      <c r="Z12" s="1">
        <v>1.7000000000000001E-2</v>
      </c>
      <c r="AA12" s="1" t="s">
        <v>926</v>
      </c>
      <c r="AB12" s="1" t="s">
        <v>966</v>
      </c>
      <c r="AC12" s="1" t="s">
        <v>881</v>
      </c>
      <c r="AD12" s="1" t="s">
        <v>882</v>
      </c>
      <c r="AE12" s="1" t="s">
        <v>883</v>
      </c>
      <c r="AF12" s="1" t="s">
        <v>884</v>
      </c>
      <c r="AG12" s="1" t="s">
        <v>883</v>
      </c>
      <c r="AH12" s="1" t="s">
        <v>883</v>
      </c>
      <c r="AI12" s="1"/>
      <c r="AJ12" s="1"/>
      <c r="AK12" s="1"/>
      <c r="AL12" s="1" t="s">
        <v>888</v>
      </c>
      <c r="AM12" s="1"/>
      <c r="AN12" s="1"/>
      <c r="AO12" s="1"/>
      <c r="AP12" t="s">
        <v>888</v>
      </c>
      <c r="AQ12" s="1"/>
      <c r="AR12" s="1" t="s">
        <v>888</v>
      </c>
      <c r="AS12" s="1" t="s">
        <v>888</v>
      </c>
      <c r="AT12" s="1"/>
      <c r="AU12" s="1"/>
      <c r="AV12" s="1"/>
      <c r="AW12" s="1"/>
      <c r="AX12" s="1"/>
      <c r="AY12" s="1"/>
      <c r="AZ12" s="1" t="s">
        <v>893</v>
      </c>
      <c r="BA12" s="1">
        <v>2.1000000000000001E-2</v>
      </c>
      <c r="BB12" s="1">
        <v>0.27</v>
      </c>
      <c r="BC12" s="1">
        <v>4.2</v>
      </c>
      <c r="BD12" s="1">
        <v>4.4000000000000004</v>
      </c>
      <c r="BE12" s="1"/>
      <c r="BF12" s="1" t="s">
        <v>885</v>
      </c>
      <c r="BG12" s="1">
        <v>3.2000000000000002E-3</v>
      </c>
      <c r="BH12" s="1" t="s">
        <v>884</v>
      </c>
      <c r="BI12" s="1" t="s">
        <v>882</v>
      </c>
      <c r="BJ12" s="1"/>
      <c r="BK12" s="1"/>
      <c r="BL12" s="1"/>
      <c r="BM12" s="1">
        <v>0.17</v>
      </c>
      <c r="BN12" s="1">
        <v>0.25</v>
      </c>
      <c r="BO12" s="1">
        <v>37</v>
      </c>
      <c r="BP12" s="1">
        <v>30</v>
      </c>
      <c r="BQ12" s="1"/>
      <c r="BR12" s="1" t="s">
        <v>90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0833333333333337</v>
      </c>
      <c r="C13" s="1" t="s">
        <v>855</v>
      </c>
      <c r="D13" s="1" t="s">
        <v>85</v>
      </c>
      <c r="E13" s="1" t="s">
        <v>28</v>
      </c>
      <c r="F13" s="1" t="s">
        <v>70</v>
      </c>
      <c r="G13" s="1" t="s">
        <v>92</v>
      </c>
      <c r="H13" s="1" t="s">
        <v>342</v>
      </c>
      <c r="I13" s="1" t="s">
        <v>599</v>
      </c>
      <c r="J13" s="1" t="s">
        <v>32</v>
      </c>
      <c r="K13" s="1" t="s">
        <v>309</v>
      </c>
      <c r="L13" s="1" t="s">
        <v>290</v>
      </c>
      <c r="N13" s="1" t="s">
        <v>35</v>
      </c>
      <c r="O13" s="1" t="s">
        <v>278</v>
      </c>
      <c r="P13" s="1" t="s">
        <v>751</v>
      </c>
      <c r="Q13" s="1" t="s">
        <v>81</v>
      </c>
      <c r="R13" s="1" t="s">
        <v>115</v>
      </c>
      <c r="S13" s="1" t="s">
        <v>445</v>
      </c>
      <c r="T13" s="1" t="s">
        <v>182</v>
      </c>
      <c r="U13" s="1">
        <v>8.1999999999999993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6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375</v>
      </c>
      <c r="C14" s="1" t="s">
        <v>855</v>
      </c>
      <c r="D14" s="1" t="s">
        <v>85</v>
      </c>
      <c r="E14" s="1" t="s">
        <v>28</v>
      </c>
      <c r="F14" s="1" t="s">
        <v>246</v>
      </c>
      <c r="G14" s="1" t="s">
        <v>106</v>
      </c>
      <c r="H14" s="1" t="s">
        <v>342</v>
      </c>
      <c r="I14" s="1" t="s">
        <v>264</v>
      </c>
      <c r="J14" s="1" t="s">
        <v>32</v>
      </c>
      <c r="K14" s="1" t="s">
        <v>74</v>
      </c>
      <c r="L14" s="1" t="s">
        <v>290</v>
      </c>
      <c r="N14" s="1" t="s">
        <v>35</v>
      </c>
      <c r="O14" s="1" t="s">
        <v>278</v>
      </c>
      <c r="P14" s="1" t="s">
        <v>37</v>
      </c>
      <c r="Q14" s="1" t="s">
        <v>171</v>
      </c>
      <c r="R14" s="1" t="s">
        <v>49</v>
      </c>
      <c r="S14" s="1" t="s">
        <v>50</v>
      </c>
      <c r="T14" s="1" t="s">
        <v>182</v>
      </c>
      <c r="U14" s="1">
        <v>7.1</v>
      </c>
      <c r="V14" s="1"/>
      <c r="W14" s="1"/>
      <c r="X14" s="1">
        <v>5</v>
      </c>
      <c r="Y14" s="1">
        <v>0.33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38</v>
      </c>
      <c r="BP14" s="1">
        <v>22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503</v>
      </c>
      <c r="B15" s="2">
        <v>0.18055555555555555</v>
      </c>
      <c r="C15" s="1" t="s">
        <v>855</v>
      </c>
      <c r="D15" s="1" t="s">
        <v>27</v>
      </c>
      <c r="E15" s="1" t="s">
        <v>28</v>
      </c>
      <c r="F15" s="1" t="s">
        <v>106</v>
      </c>
      <c r="G15" s="1" t="s">
        <v>249</v>
      </c>
      <c r="H15" s="1" t="s">
        <v>219</v>
      </c>
      <c r="I15" s="1" t="s">
        <v>772</v>
      </c>
      <c r="J15" s="1" t="s">
        <v>32</v>
      </c>
      <c r="K15" s="1" t="s">
        <v>276</v>
      </c>
      <c r="L15" s="1" t="s">
        <v>34</v>
      </c>
      <c r="N15" s="1" t="s">
        <v>35</v>
      </c>
      <c r="O15" s="1" t="s">
        <v>278</v>
      </c>
      <c r="P15" s="1" t="s">
        <v>37</v>
      </c>
      <c r="Q15" s="1" t="s">
        <v>179</v>
      </c>
      <c r="R15" s="1" t="s">
        <v>109</v>
      </c>
      <c r="S15" s="1" t="s">
        <v>456</v>
      </c>
      <c r="T15" s="1" t="s">
        <v>68</v>
      </c>
      <c r="U15" s="1">
        <v>7.2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8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4</v>
      </c>
      <c r="B16" s="2">
        <v>0.43402777777777773</v>
      </c>
      <c r="C16" s="1" t="s">
        <v>855</v>
      </c>
      <c r="D16" s="1" t="s">
        <v>85</v>
      </c>
      <c r="E16" s="1" t="s">
        <v>28</v>
      </c>
      <c r="F16" s="1" t="s">
        <v>457</v>
      </c>
      <c r="G16" s="1" t="s">
        <v>211</v>
      </c>
      <c r="H16" s="1" t="s">
        <v>169</v>
      </c>
      <c r="I16" s="1" t="s">
        <v>410</v>
      </c>
      <c r="J16" s="1" t="s">
        <v>32</v>
      </c>
      <c r="K16" s="1" t="s">
        <v>309</v>
      </c>
      <c r="L16" s="1" t="s">
        <v>34</v>
      </c>
      <c r="N16" s="1" t="s">
        <v>35</v>
      </c>
      <c r="O16" s="1" t="s">
        <v>278</v>
      </c>
      <c r="P16" s="1" t="s">
        <v>37</v>
      </c>
      <c r="Q16" s="1" t="s">
        <v>81</v>
      </c>
      <c r="R16" s="1" t="s">
        <v>173</v>
      </c>
      <c r="S16" s="1" t="s">
        <v>50</v>
      </c>
      <c r="T16" s="1" t="s">
        <v>41</v>
      </c>
      <c r="U16" s="1">
        <v>7.9</v>
      </c>
      <c r="V16" s="4">
        <v>79000</v>
      </c>
      <c r="W16" s="1"/>
      <c r="X16" s="1">
        <v>5.6</v>
      </c>
      <c r="Y16" s="1">
        <v>0.32</v>
      </c>
      <c r="Z16" s="1"/>
      <c r="AA16" s="1"/>
      <c r="AB16" s="1"/>
      <c r="AC16" s="1" t="s">
        <v>881</v>
      </c>
      <c r="AD16" s="1" t="s">
        <v>882</v>
      </c>
      <c r="AE16" s="1" t="s">
        <v>883</v>
      </c>
      <c r="AF16" s="1" t="s">
        <v>884</v>
      </c>
      <c r="AG16" s="1" t="s">
        <v>883</v>
      </c>
      <c r="AH16" s="1" t="s">
        <v>883</v>
      </c>
      <c r="AI16" s="1"/>
      <c r="AJ16" s="1"/>
      <c r="AK16" s="1"/>
      <c r="AL16" s="1" t="s">
        <v>888</v>
      </c>
      <c r="AM16" s="1"/>
      <c r="AN16" s="1"/>
      <c r="AO16" s="1"/>
      <c r="AP16" t="s">
        <v>888</v>
      </c>
      <c r="AQ16" s="1"/>
      <c r="AR16" s="1" t="s">
        <v>888</v>
      </c>
      <c r="AS16" s="1" t="s">
        <v>888</v>
      </c>
      <c r="AT16" s="1"/>
      <c r="AU16" s="1" t="s">
        <v>883</v>
      </c>
      <c r="AV16" s="1" t="s">
        <v>881</v>
      </c>
      <c r="AW16" s="1" t="s">
        <v>883</v>
      </c>
      <c r="AX16" s="1"/>
      <c r="AY16" s="1"/>
      <c r="AZ16" s="1"/>
      <c r="BA16" s="1"/>
      <c r="BB16" s="1">
        <v>0.33</v>
      </c>
      <c r="BC16" s="1">
        <v>4.2</v>
      </c>
      <c r="BD16" s="1">
        <v>4.5</v>
      </c>
      <c r="BE16" s="1"/>
      <c r="BF16" s="1"/>
      <c r="BG16" s="1"/>
      <c r="BH16" s="1"/>
      <c r="BI16" s="1"/>
      <c r="BJ16" s="1"/>
      <c r="BK16" s="1" t="s">
        <v>903</v>
      </c>
      <c r="BL16" s="1"/>
      <c r="BM16" s="1" t="s">
        <v>900</v>
      </c>
      <c r="BN16" s="1">
        <v>0.28000000000000003</v>
      </c>
      <c r="BO16" s="1">
        <v>40</v>
      </c>
      <c r="BP16" s="1">
        <v>28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875</v>
      </c>
      <c r="C17" s="1" t="s">
        <v>855</v>
      </c>
      <c r="D17" s="1" t="s">
        <v>85</v>
      </c>
      <c r="E17" s="1" t="s">
        <v>28</v>
      </c>
      <c r="F17" s="1" t="s">
        <v>236</v>
      </c>
      <c r="G17" s="1" t="s">
        <v>211</v>
      </c>
      <c r="H17" s="1" t="s">
        <v>219</v>
      </c>
      <c r="I17" s="1" t="s">
        <v>550</v>
      </c>
      <c r="J17" s="1" t="s">
        <v>79</v>
      </c>
      <c r="K17" s="1" t="s">
        <v>65</v>
      </c>
      <c r="L17" s="1" t="s">
        <v>34</v>
      </c>
      <c r="N17" s="1" t="s">
        <v>35</v>
      </c>
      <c r="O17" s="1" t="s">
        <v>278</v>
      </c>
      <c r="P17" s="1" t="s">
        <v>37</v>
      </c>
      <c r="Q17" s="1" t="s">
        <v>161</v>
      </c>
      <c r="R17" s="1" t="s">
        <v>226</v>
      </c>
      <c r="S17" s="1" t="s">
        <v>216</v>
      </c>
      <c r="T17" s="1" t="s">
        <v>41</v>
      </c>
      <c r="U17" s="1">
        <v>7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7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2708333333333337</v>
      </c>
      <c r="C18" s="1" t="s">
        <v>855</v>
      </c>
      <c r="D18" s="1" t="s">
        <v>85</v>
      </c>
      <c r="E18" s="1" t="s">
        <v>28</v>
      </c>
      <c r="F18" s="1" t="s">
        <v>507</v>
      </c>
      <c r="G18" s="1" t="s">
        <v>52</v>
      </c>
      <c r="H18" s="1" t="s">
        <v>184</v>
      </c>
      <c r="I18" s="1" t="s">
        <v>704</v>
      </c>
      <c r="J18" s="1" t="s">
        <v>72</v>
      </c>
      <c r="K18" s="1" t="s">
        <v>189</v>
      </c>
      <c r="L18" s="1" t="s">
        <v>34</v>
      </c>
      <c r="N18" s="1" t="s">
        <v>35</v>
      </c>
      <c r="O18" s="1" t="s">
        <v>278</v>
      </c>
      <c r="P18" s="1" t="s">
        <v>37</v>
      </c>
      <c r="Q18" s="1" t="s">
        <v>210</v>
      </c>
      <c r="R18" s="1" t="s">
        <v>192</v>
      </c>
      <c r="S18" s="1" t="s">
        <v>135</v>
      </c>
      <c r="T18" s="1" t="s">
        <v>68</v>
      </c>
      <c r="U18" s="1">
        <v>6.5</v>
      </c>
      <c r="V18" s="1"/>
      <c r="W18" s="1"/>
      <c r="X18" s="1">
        <v>5.3</v>
      </c>
      <c r="Y18" s="1">
        <v>0.23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37</v>
      </c>
      <c r="BP18" s="1">
        <v>24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27</v>
      </c>
      <c r="B19" s="2">
        <v>0.18055555555555555</v>
      </c>
      <c r="C19" s="1" t="s">
        <v>855</v>
      </c>
      <c r="D19" s="1" t="s">
        <v>164</v>
      </c>
      <c r="E19" s="1" t="s">
        <v>28</v>
      </c>
      <c r="F19" s="1" t="s">
        <v>211</v>
      </c>
      <c r="G19" s="1" t="s">
        <v>92</v>
      </c>
      <c r="H19" s="1" t="s">
        <v>237</v>
      </c>
      <c r="I19" s="1" t="s">
        <v>557</v>
      </c>
      <c r="J19" s="1" t="s">
        <v>79</v>
      </c>
      <c r="K19" s="1" t="s">
        <v>65</v>
      </c>
      <c r="L19" s="1" t="s">
        <v>34</v>
      </c>
      <c r="N19" s="1" t="s">
        <v>35</v>
      </c>
      <c r="O19" s="1" t="s">
        <v>278</v>
      </c>
      <c r="P19" s="1" t="s">
        <v>37</v>
      </c>
      <c r="Q19" s="1" t="s">
        <v>179</v>
      </c>
      <c r="R19" s="1" t="s">
        <v>149</v>
      </c>
      <c r="S19" s="1" t="s">
        <v>373</v>
      </c>
      <c r="T19" s="1" t="s">
        <v>116</v>
      </c>
      <c r="U19" s="1">
        <v>6.4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7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97</v>
      </c>
      <c r="B20" s="2">
        <v>0.45833333333333331</v>
      </c>
      <c r="C20" s="1" t="s">
        <v>855</v>
      </c>
      <c r="D20" s="1" t="s">
        <v>27</v>
      </c>
      <c r="E20" s="1" t="s">
        <v>28</v>
      </c>
      <c r="F20" s="1" t="s">
        <v>364</v>
      </c>
      <c r="G20" s="1" t="s">
        <v>230</v>
      </c>
      <c r="H20" s="1" t="s">
        <v>468</v>
      </c>
      <c r="I20" s="1" t="s">
        <v>707</v>
      </c>
      <c r="J20" s="1" t="s">
        <v>64</v>
      </c>
      <c r="K20" s="1" t="s">
        <v>139</v>
      </c>
      <c r="L20" s="1" t="s">
        <v>34</v>
      </c>
      <c r="N20" s="1" t="s">
        <v>35</v>
      </c>
      <c r="O20" s="1" t="s">
        <v>278</v>
      </c>
      <c r="P20" s="1" t="s">
        <v>37</v>
      </c>
      <c r="Q20" s="1" t="s">
        <v>81</v>
      </c>
      <c r="R20" s="1" t="s">
        <v>108</v>
      </c>
      <c r="S20" s="1" t="s">
        <v>40</v>
      </c>
      <c r="T20" s="1" t="s">
        <v>60</v>
      </c>
      <c r="U20" s="1">
        <v>7.7</v>
      </c>
      <c r="V20" s="4">
        <v>7900</v>
      </c>
      <c r="W20" s="1" t="s">
        <v>887</v>
      </c>
      <c r="X20" s="1">
        <v>4.3</v>
      </c>
      <c r="Y20" s="1">
        <v>0.23</v>
      </c>
      <c r="Z20" s="1">
        <v>1.4999999999999999E-2</v>
      </c>
      <c r="AA20" s="1" t="s">
        <v>926</v>
      </c>
      <c r="AB20" s="1" t="s">
        <v>967</v>
      </c>
      <c r="AC20" s="1" t="s">
        <v>881</v>
      </c>
      <c r="AD20" s="1" t="s">
        <v>882</v>
      </c>
      <c r="AE20" s="1" t="s">
        <v>883</v>
      </c>
      <c r="AF20" s="1" t="s">
        <v>884</v>
      </c>
      <c r="AG20" s="1" t="s">
        <v>883</v>
      </c>
      <c r="AH20" s="1" t="s">
        <v>883</v>
      </c>
      <c r="AI20" s="1"/>
      <c r="AJ20" s="1"/>
      <c r="AK20" s="1" t="s">
        <v>888</v>
      </c>
      <c r="AL20" s="1" t="s">
        <v>888</v>
      </c>
      <c r="AM20" s="1" t="s">
        <v>888</v>
      </c>
      <c r="AN20" s="1" t="s">
        <v>888</v>
      </c>
      <c r="AO20" s="1" t="s">
        <v>888</v>
      </c>
      <c r="AP20" t="s">
        <v>888</v>
      </c>
      <c r="AQ20" s="1" t="s">
        <v>888</v>
      </c>
      <c r="AR20" s="1" t="s">
        <v>888</v>
      </c>
      <c r="AS20" s="1" t="s">
        <v>888</v>
      </c>
      <c r="AT20" s="1" t="s">
        <v>896</v>
      </c>
      <c r="AU20" s="1"/>
      <c r="AV20" s="1"/>
      <c r="AW20" s="1"/>
      <c r="AX20" s="1" t="s">
        <v>888</v>
      </c>
      <c r="AY20" s="1" t="s">
        <v>883</v>
      </c>
      <c r="AZ20" s="1" t="s">
        <v>893</v>
      </c>
      <c r="BA20" s="1">
        <v>1.7999999999999999E-2</v>
      </c>
      <c r="BB20" s="1">
        <v>0.09</v>
      </c>
      <c r="BC20" s="1">
        <v>4.0999999999999996</v>
      </c>
      <c r="BD20" s="1">
        <v>4.0999999999999996</v>
      </c>
      <c r="BE20" s="1"/>
      <c r="BF20" s="1" t="s">
        <v>885</v>
      </c>
      <c r="BG20" s="1">
        <v>4.4000000000000003E-3</v>
      </c>
      <c r="BH20" s="1" t="s">
        <v>884</v>
      </c>
      <c r="BI20" s="1" t="s">
        <v>882</v>
      </c>
      <c r="BJ20" s="1"/>
      <c r="BK20" s="1"/>
      <c r="BL20" s="1">
        <v>4.0000000000000001E-3</v>
      </c>
      <c r="BM20" s="1">
        <v>0.05</v>
      </c>
      <c r="BN20" s="1">
        <v>0.2</v>
      </c>
      <c r="BO20" s="1">
        <v>35</v>
      </c>
      <c r="BP20" s="1">
        <v>23</v>
      </c>
      <c r="BQ20" s="1"/>
      <c r="BR20" s="1" t="s">
        <v>90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0833333333333337</v>
      </c>
      <c r="C21" s="1" t="s">
        <v>855</v>
      </c>
      <c r="D21" s="1" t="s">
        <v>27</v>
      </c>
      <c r="E21" s="1" t="s">
        <v>28</v>
      </c>
      <c r="F21" s="1" t="s">
        <v>505</v>
      </c>
      <c r="G21" s="1" t="s">
        <v>514</v>
      </c>
      <c r="H21" s="1" t="s">
        <v>321</v>
      </c>
      <c r="I21" s="1" t="s">
        <v>663</v>
      </c>
      <c r="J21" s="1" t="s">
        <v>32</v>
      </c>
      <c r="K21" s="1" t="s">
        <v>309</v>
      </c>
      <c r="L21" s="1" t="s">
        <v>34</v>
      </c>
      <c r="N21" s="1" t="s">
        <v>35</v>
      </c>
      <c r="O21" s="1" t="s">
        <v>278</v>
      </c>
      <c r="P21" s="1" t="s">
        <v>37</v>
      </c>
      <c r="Q21" s="1" t="s">
        <v>81</v>
      </c>
      <c r="R21" s="1" t="s">
        <v>151</v>
      </c>
      <c r="S21" s="1" t="s">
        <v>529</v>
      </c>
      <c r="T21" s="1" t="s">
        <v>60</v>
      </c>
      <c r="U21" s="1">
        <v>7.6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9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5833333333333337</v>
      </c>
      <c r="C22" s="1" t="s">
        <v>855</v>
      </c>
      <c r="D22" s="1" t="s">
        <v>27</v>
      </c>
      <c r="E22" s="1" t="s">
        <v>28</v>
      </c>
      <c r="F22" s="1" t="s">
        <v>505</v>
      </c>
      <c r="G22" s="1" t="s">
        <v>211</v>
      </c>
      <c r="H22" s="1" t="s">
        <v>345</v>
      </c>
      <c r="I22" s="1" t="s">
        <v>74</v>
      </c>
      <c r="J22" s="1" t="s">
        <v>31</v>
      </c>
      <c r="K22" s="1" t="s">
        <v>45</v>
      </c>
      <c r="L22" s="1" t="s">
        <v>34</v>
      </c>
      <c r="N22" s="1" t="s">
        <v>35</v>
      </c>
      <c r="O22" s="1" t="s">
        <v>278</v>
      </c>
      <c r="P22" s="1" t="s">
        <v>37</v>
      </c>
      <c r="Q22" s="1" t="s">
        <v>171</v>
      </c>
      <c r="R22" s="1" t="s">
        <v>151</v>
      </c>
      <c r="S22" s="1" t="s">
        <v>76</v>
      </c>
      <c r="T22" s="1" t="s">
        <v>41</v>
      </c>
      <c r="U22" s="1">
        <v>6</v>
      </c>
      <c r="V22" s="1"/>
      <c r="W22" s="1"/>
      <c r="X22" s="1">
        <v>5.7</v>
      </c>
      <c r="Y22" s="1">
        <v>0.25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40</v>
      </c>
      <c r="BP22" s="1">
        <v>28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38</v>
      </c>
      <c r="B23" s="2">
        <v>0.1875</v>
      </c>
      <c r="C23" s="1" t="s">
        <v>855</v>
      </c>
      <c r="D23" s="1" t="s">
        <v>27</v>
      </c>
      <c r="E23" s="1" t="s">
        <v>28</v>
      </c>
      <c r="F23" s="1" t="s">
        <v>222</v>
      </c>
      <c r="G23" s="1" t="s">
        <v>70</v>
      </c>
      <c r="H23" s="1" t="s">
        <v>339</v>
      </c>
      <c r="I23" s="1" t="s">
        <v>773</v>
      </c>
      <c r="J23" s="1" t="s">
        <v>32</v>
      </c>
      <c r="K23" s="1" t="s">
        <v>74</v>
      </c>
      <c r="L23" s="1" t="s">
        <v>34</v>
      </c>
      <c r="N23" s="1" t="s">
        <v>35</v>
      </c>
      <c r="O23" s="1" t="s">
        <v>278</v>
      </c>
      <c r="P23" s="1" t="s">
        <v>37</v>
      </c>
      <c r="Q23" s="1" t="s">
        <v>171</v>
      </c>
      <c r="R23" s="1" t="s">
        <v>90</v>
      </c>
      <c r="S23" s="1" t="s">
        <v>529</v>
      </c>
      <c r="T23" s="1" t="s">
        <v>68</v>
      </c>
      <c r="U23" s="1">
        <v>6.5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8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1</v>
      </c>
      <c r="B24" s="2">
        <v>0.44444444444444442</v>
      </c>
      <c r="C24" s="1" t="s">
        <v>855</v>
      </c>
      <c r="D24" s="1" t="s">
        <v>85</v>
      </c>
      <c r="E24" s="1" t="s">
        <v>28</v>
      </c>
      <c r="F24" s="1" t="s">
        <v>92</v>
      </c>
      <c r="G24" s="1" t="s">
        <v>106</v>
      </c>
      <c r="H24" s="1" t="s">
        <v>342</v>
      </c>
      <c r="I24" s="1" t="s">
        <v>343</v>
      </c>
      <c r="J24" s="1" t="s">
        <v>64</v>
      </c>
      <c r="K24" s="1" t="s">
        <v>78</v>
      </c>
      <c r="L24" s="1" t="s">
        <v>34</v>
      </c>
      <c r="N24" s="1" t="s">
        <v>35</v>
      </c>
      <c r="O24" s="1" t="s">
        <v>278</v>
      </c>
      <c r="P24" s="1" t="s">
        <v>37</v>
      </c>
      <c r="Q24" s="1" t="s">
        <v>210</v>
      </c>
      <c r="R24" s="1" t="s">
        <v>82</v>
      </c>
      <c r="S24" s="1" t="s">
        <v>220</v>
      </c>
      <c r="T24" s="1" t="s">
        <v>116</v>
      </c>
      <c r="U24" s="1">
        <v>8.5</v>
      </c>
      <c r="V24" s="4">
        <v>17000</v>
      </c>
      <c r="W24" s="1"/>
      <c r="X24" s="1">
        <v>4.3</v>
      </c>
      <c r="Y24" s="1">
        <v>0.22</v>
      </c>
      <c r="Z24" s="1"/>
      <c r="AA24" s="1"/>
      <c r="AB24" s="1"/>
      <c r="AC24" s="1" t="s">
        <v>881</v>
      </c>
      <c r="AD24" s="1" t="s">
        <v>882</v>
      </c>
      <c r="AE24" s="1" t="s">
        <v>883</v>
      </c>
      <c r="AF24" s="1" t="s">
        <v>884</v>
      </c>
      <c r="AG24" s="1" t="s">
        <v>883</v>
      </c>
      <c r="AH24" s="1" t="s">
        <v>883</v>
      </c>
      <c r="AI24" s="1"/>
      <c r="AJ24" s="1"/>
      <c r="AK24" s="1"/>
      <c r="AL24" s="1" t="s">
        <v>888</v>
      </c>
      <c r="AM24" s="1"/>
      <c r="AN24" s="1"/>
      <c r="AO24" s="1"/>
      <c r="AP24" t="s">
        <v>888</v>
      </c>
      <c r="AQ24" s="1"/>
      <c r="AR24" s="1" t="s">
        <v>888</v>
      </c>
      <c r="AS24" s="1" t="s">
        <v>888</v>
      </c>
      <c r="AT24" s="1"/>
      <c r="AU24" s="1"/>
      <c r="AV24" s="1"/>
      <c r="AW24" s="1"/>
      <c r="AX24" s="1"/>
      <c r="AY24" s="1"/>
      <c r="AZ24" s="1"/>
      <c r="BA24" s="1"/>
      <c r="BB24" s="1">
        <v>7.0000000000000007E-2</v>
      </c>
      <c r="BC24" s="1">
        <v>4.2</v>
      </c>
      <c r="BD24" s="1">
        <v>4.2</v>
      </c>
      <c r="BE24" s="1"/>
      <c r="BF24" s="1"/>
      <c r="BG24" s="1"/>
      <c r="BH24" s="1"/>
      <c r="BI24" s="1"/>
      <c r="BJ24" s="1"/>
      <c r="BK24" s="1"/>
      <c r="BL24" s="1"/>
      <c r="BM24" s="1">
        <v>0.06</v>
      </c>
      <c r="BN24" s="1">
        <v>0.18</v>
      </c>
      <c r="BO24" s="1">
        <v>34</v>
      </c>
      <c r="BP24" s="1">
        <v>23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9791666666666663</v>
      </c>
      <c r="C25" s="1" t="s">
        <v>855</v>
      </c>
      <c r="D25" s="1" t="s">
        <v>85</v>
      </c>
      <c r="E25" s="1" t="s">
        <v>28</v>
      </c>
      <c r="F25" s="1" t="s">
        <v>246</v>
      </c>
      <c r="G25" s="1" t="s">
        <v>106</v>
      </c>
      <c r="H25" s="1" t="s">
        <v>177</v>
      </c>
      <c r="I25" s="1" t="s">
        <v>772</v>
      </c>
      <c r="J25" s="1" t="s">
        <v>32</v>
      </c>
      <c r="K25" s="1" t="s">
        <v>100</v>
      </c>
      <c r="L25" s="1" t="s">
        <v>34</v>
      </c>
      <c r="N25" s="1" t="s">
        <v>35</v>
      </c>
      <c r="O25" s="1" t="s">
        <v>278</v>
      </c>
      <c r="P25" s="1" t="s">
        <v>37</v>
      </c>
      <c r="Q25" s="1" t="s">
        <v>210</v>
      </c>
      <c r="R25" s="1" t="s">
        <v>226</v>
      </c>
      <c r="S25" s="1" t="s">
        <v>135</v>
      </c>
      <c r="T25" s="1" t="s">
        <v>60</v>
      </c>
      <c r="U25" s="1">
        <v>7.5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7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4791666666666663</v>
      </c>
      <c r="C26" s="1" t="s">
        <v>855</v>
      </c>
      <c r="D26" s="1" t="s">
        <v>85</v>
      </c>
      <c r="E26" s="1" t="s">
        <v>28</v>
      </c>
      <c r="F26" s="1" t="s">
        <v>53</v>
      </c>
      <c r="G26" s="1" t="s">
        <v>250</v>
      </c>
      <c r="H26" s="1" t="s">
        <v>209</v>
      </c>
      <c r="I26" s="1" t="s">
        <v>317</v>
      </c>
      <c r="J26" s="1" t="s">
        <v>32</v>
      </c>
      <c r="K26" s="1" t="s">
        <v>80</v>
      </c>
      <c r="L26" s="1" t="s">
        <v>34</v>
      </c>
      <c r="N26" s="1" t="s">
        <v>35</v>
      </c>
      <c r="O26" s="1" t="s">
        <v>278</v>
      </c>
      <c r="P26" s="1" t="s">
        <v>37</v>
      </c>
      <c r="Q26" s="1" t="s">
        <v>171</v>
      </c>
      <c r="R26" s="1" t="s">
        <v>82</v>
      </c>
      <c r="S26" s="1" t="s">
        <v>40</v>
      </c>
      <c r="T26" s="1" t="s">
        <v>41</v>
      </c>
      <c r="U26" s="1">
        <v>5.0999999999999996</v>
      </c>
      <c r="V26" s="1"/>
      <c r="W26" s="1"/>
      <c r="X26" s="1">
        <v>4.8</v>
      </c>
      <c r="Y26" s="1">
        <v>0.3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37</v>
      </c>
      <c r="BP26" s="1">
        <v>22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252</v>
      </c>
      <c r="B27" s="2">
        <v>0.1875</v>
      </c>
      <c r="C27" s="1" t="s">
        <v>855</v>
      </c>
      <c r="D27" s="1" t="s">
        <v>27</v>
      </c>
      <c r="E27" s="1" t="s">
        <v>28</v>
      </c>
      <c r="F27" s="1" t="s">
        <v>249</v>
      </c>
      <c r="G27" s="1" t="s">
        <v>250</v>
      </c>
      <c r="H27" s="1" t="s">
        <v>185</v>
      </c>
      <c r="I27" s="1" t="s">
        <v>774</v>
      </c>
      <c r="J27" s="1" t="s">
        <v>64</v>
      </c>
      <c r="K27" s="1" t="s">
        <v>139</v>
      </c>
      <c r="L27" s="1" t="s">
        <v>34</v>
      </c>
      <c r="N27" s="1" t="s">
        <v>35</v>
      </c>
      <c r="O27" s="1" t="s">
        <v>278</v>
      </c>
      <c r="P27" s="1" t="s">
        <v>37</v>
      </c>
      <c r="Q27" s="1" t="s">
        <v>171</v>
      </c>
      <c r="R27" s="1" t="s">
        <v>328</v>
      </c>
      <c r="S27" s="1" t="s">
        <v>135</v>
      </c>
      <c r="T27" s="1" t="s">
        <v>116</v>
      </c>
      <c r="U27" s="1">
        <v>7.1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8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56</v>
      </c>
      <c r="B28" s="2">
        <v>0.44791666666666669</v>
      </c>
      <c r="C28" s="1" t="s">
        <v>855</v>
      </c>
      <c r="D28" s="1" t="s">
        <v>27</v>
      </c>
      <c r="E28" s="1" t="s">
        <v>28</v>
      </c>
      <c r="F28" s="1" t="s">
        <v>70</v>
      </c>
      <c r="G28" s="1" t="s">
        <v>202</v>
      </c>
      <c r="H28" s="1" t="s">
        <v>468</v>
      </c>
      <c r="I28" s="1" t="s">
        <v>775</v>
      </c>
      <c r="J28" s="1" t="s">
        <v>63</v>
      </c>
      <c r="K28" s="1" t="s">
        <v>345</v>
      </c>
      <c r="L28" s="1" t="s">
        <v>34</v>
      </c>
      <c r="N28" s="1" t="s">
        <v>35</v>
      </c>
      <c r="O28" s="1" t="s">
        <v>278</v>
      </c>
      <c r="P28" s="1" t="s">
        <v>37</v>
      </c>
      <c r="Q28" s="1" t="s">
        <v>210</v>
      </c>
      <c r="R28" s="1" t="s">
        <v>101</v>
      </c>
      <c r="S28" s="1" t="s">
        <v>303</v>
      </c>
      <c r="T28" s="1" t="s">
        <v>60</v>
      </c>
      <c r="U28" s="1">
        <v>8.4</v>
      </c>
      <c r="V28" s="4">
        <v>13000</v>
      </c>
      <c r="W28" s="1"/>
      <c r="X28" s="1">
        <v>5</v>
      </c>
      <c r="Y28" s="1">
        <v>0.2</v>
      </c>
      <c r="Z28" s="1">
        <v>1.2E-2</v>
      </c>
      <c r="AA28" t="s">
        <v>926</v>
      </c>
      <c r="AB28" t="s">
        <v>968</v>
      </c>
      <c r="AC28" s="1" t="s">
        <v>881</v>
      </c>
      <c r="AD28" s="1" t="s">
        <v>882</v>
      </c>
      <c r="AE28" s="1" t="s">
        <v>883</v>
      </c>
      <c r="AF28" s="1" t="s">
        <v>884</v>
      </c>
      <c r="AG28" s="1" t="s">
        <v>883</v>
      </c>
      <c r="AH28" s="1" t="s">
        <v>883</v>
      </c>
      <c r="AI28" s="1"/>
      <c r="AJ28" s="1"/>
      <c r="AK28" s="1"/>
      <c r="AL28" s="1" t="s">
        <v>888</v>
      </c>
      <c r="AM28" s="1"/>
      <c r="AN28" s="1"/>
      <c r="AO28" s="1"/>
      <c r="AP28" t="s">
        <v>888</v>
      </c>
      <c r="AQ28" s="1"/>
      <c r="AR28" s="1" t="s">
        <v>888</v>
      </c>
      <c r="AS28" s="1">
        <v>2.0000000000000001E-4</v>
      </c>
      <c r="AT28" s="1"/>
      <c r="AU28" s="1"/>
      <c r="AV28" s="1"/>
      <c r="AW28" s="1"/>
      <c r="AX28" s="1"/>
      <c r="AY28" s="1"/>
      <c r="AZ28" s="1" t="s">
        <v>893</v>
      </c>
      <c r="BA28" s="1">
        <v>1.9E-2</v>
      </c>
      <c r="BB28" s="1">
        <v>0.06</v>
      </c>
      <c r="BC28" s="1">
        <v>4.4000000000000004</v>
      </c>
      <c r="BD28" s="1">
        <v>4.4000000000000004</v>
      </c>
      <c r="BF28" s="1" t="s">
        <v>885</v>
      </c>
      <c r="BG28" s="1">
        <v>1E-3</v>
      </c>
      <c r="BH28" s="1" t="s">
        <v>884</v>
      </c>
      <c r="BI28" s="1" t="s">
        <v>882</v>
      </c>
      <c r="BJ28" s="1"/>
      <c r="BK28" s="1"/>
      <c r="BL28" s="1"/>
      <c r="BM28" s="1" t="s">
        <v>900</v>
      </c>
      <c r="BN28" s="1">
        <v>0.17</v>
      </c>
      <c r="BO28" s="1">
        <v>35</v>
      </c>
      <c r="BP28" s="1">
        <v>22</v>
      </c>
      <c r="BQ28" s="1"/>
      <c r="BR28" s="1" t="s">
        <v>90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875</v>
      </c>
      <c r="C29" s="1" t="s">
        <v>855</v>
      </c>
      <c r="D29" s="1" t="s">
        <v>85</v>
      </c>
      <c r="E29" s="1" t="s">
        <v>28</v>
      </c>
      <c r="F29" s="1" t="s">
        <v>70</v>
      </c>
      <c r="G29" s="1" t="s">
        <v>53</v>
      </c>
      <c r="H29" s="1" t="s">
        <v>321</v>
      </c>
      <c r="I29" s="1" t="s">
        <v>674</v>
      </c>
      <c r="J29" s="1" t="s">
        <v>79</v>
      </c>
      <c r="K29" s="1" t="s">
        <v>88</v>
      </c>
      <c r="L29" s="1" t="s">
        <v>34</v>
      </c>
      <c r="N29" s="1" t="s">
        <v>35</v>
      </c>
      <c r="O29" s="1" t="s">
        <v>278</v>
      </c>
      <c r="P29" s="1" t="s">
        <v>37</v>
      </c>
      <c r="Q29" s="1" t="s">
        <v>210</v>
      </c>
      <c r="R29" s="1" t="s">
        <v>245</v>
      </c>
      <c r="S29" s="1" t="s">
        <v>181</v>
      </c>
      <c r="T29" s="1" t="s">
        <v>60</v>
      </c>
      <c r="U29" s="1">
        <v>8.1</v>
      </c>
      <c r="V29" s="1"/>
      <c r="W29" s="1"/>
      <c r="X29" s="1"/>
      <c r="Y29" s="1"/>
      <c r="Z29" s="1"/>
      <c r="AA29" t="s">
        <v>928</v>
      </c>
      <c r="AB29" t="s">
        <v>928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35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375</v>
      </c>
      <c r="C30" s="1" t="s">
        <v>855</v>
      </c>
      <c r="D30" s="1" t="s">
        <v>85</v>
      </c>
      <c r="E30" s="1" t="s">
        <v>28</v>
      </c>
      <c r="F30" s="1" t="s">
        <v>246</v>
      </c>
      <c r="G30" s="1" t="s">
        <v>249</v>
      </c>
      <c r="H30" s="1" t="s">
        <v>387</v>
      </c>
      <c r="I30" s="1" t="s">
        <v>460</v>
      </c>
      <c r="J30" s="1" t="s">
        <v>46</v>
      </c>
      <c r="K30" s="1" t="s">
        <v>228</v>
      </c>
      <c r="L30" s="1" t="s">
        <v>34</v>
      </c>
      <c r="N30" s="1" t="s">
        <v>35</v>
      </c>
      <c r="O30" s="1" t="s">
        <v>278</v>
      </c>
      <c r="P30" s="1" t="s">
        <v>37</v>
      </c>
      <c r="Q30" s="1" t="s">
        <v>171</v>
      </c>
      <c r="R30" s="1" t="s">
        <v>108</v>
      </c>
      <c r="S30" s="1" t="s">
        <v>303</v>
      </c>
      <c r="T30" s="1" t="s">
        <v>60</v>
      </c>
      <c r="U30" s="1">
        <v>7.9</v>
      </c>
      <c r="V30" s="1"/>
      <c r="W30" s="1"/>
      <c r="X30" s="1">
        <v>5.7</v>
      </c>
      <c r="Y30" s="1">
        <v>0.16</v>
      </c>
      <c r="Z30" s="1"/>
      <c r="AA30" t="s">
        <v>928</v>
      </c>
      <c r="AB30" t="s">
        <v>928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35</v>
      </c>
      <c r="BP30" s="1">
        <v>18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66</v>
      </c>
      <c r="B31" s="2">
        <v>0.1875</v>
      </c>
      <c r="C31" s="1" t="s">
        <v>855</v>
      </c>
      <c r="D31" s="1" t="s">
        <v>85</v>
      </c>
      <c r="E31" s="1" t="s">
        <v>28</v>
      </c>
      <c r="F31" s="1" t="s">
        <v>202</v>
      </c>
      <c r="G31" s="1" t="s">
        <v>249</v>
      </c>
      <c r="H31" s="1" t="s">
        <v>178</v>
      </c>
      <c r="I31" s="1" t="s">
        <v>464</v>
      </c>
      <c r="J31" s="1" t="s">
        <v>46</v>
      </c>
      <c r="K31" s="1" t="s">
        <v>228</v>
      </c>
      <c r="L31" s="1" t="s">
        <v>34</v>
      </c>
      <c r="N31" s="1" t="s">
        <v>35</v>
      </c>
      <c r="O31" s="1" t="s">
        <v>278</v>
      </c>
      <c r="P31" s="1" t="s">
        <v>37</v>
      </c>
      <c r="Q31" s="1" t="s">
        <v>171</v>
      </c>
      <c r="R31" s="1" t="s">
        <v>108</v>
      </c>
      <c r="S31" s="1" t="s">
        <v>173</v>
      </c>
      <c r="T31" s="1" t="s">
        <v>60</v>
      </c>
      <c r="U31" s="1">
        <v>7.8</v>
      </c>
      <c r="V31" s="1"/>
      <c r="W31" s="1"/>
      <c r="X31" s="1"/>
      <c r="Y31" s="1"/>
      <c r="Z31" s="1"/>
      <c r="AA31" t="s">
        <v>928</v>
      </c>
      <c r="AB31" t="s">
        <v>928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34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68</v>
      </c>
      <c r="B32" s="2">
        <v>0.46527777777777773</v>
      </c>
      <c r="C32" s="1" t="s">
        <v>855</v>
      </c>
      <c r="D32" s="1" t="s">
        <v>27</v>
      </c>
      <c r="E32" s="1" t="s">
        <v>474</v>
      </c>
      <c r="F32" s="1" t="s">
        <v>202</v>
      </c>
      <c r="G32" s="1" t="s">
        <v>249</v>
      </c>
      <c r="H32" s="1" t="s">
        <v>342</v>
      </c>
      <c r="I32" s="1" t="s">
        <v>704</v>
      </c>
      <c r="J32" s="1" t="s">
        <v>32</v>
      </c>
      <c r="K32" s="1" t="s">
        <v>309</v>
      </c>
      <c r="L32" s="1" t="s">
        <v>290</v>
      </c>
      <c r="N32" s="1" t="s">
        <v>35</v>
      </c>
      <c r="O32" s="1" t="s">
        <v>278</v>
      </c>
      <c r="P32" s="1" t="s">
        <v>37</v>
      </c>
      <c r="Q32" s="1" t="s">
        <v>81</v>
      </c>
      <c r="R32" s="1" t="s">
        <v>82</v>
      </c>
      <c r="S32" s="1" t="s">
        <v>135</v>
      </c>
      <c r="T32" s="1" t="s">
        <v>68</v>
      </c>
      <c r="U32" s="1">
        <v>8.8000000000000007</v>
      </c>
      <c r="V32" s="4">
        <v>23000</v>
      </c>
      <c r="W32" s="1"/>
      <c r="X32" s="1">
        <v>4.5999999999999996</v>
      </c>
      <c r="Y32" s="1">
        <v>0.36</v>
      </c>
      <c r="Z32" s="1"/>
      <c r="AA32" t="s">
        <v>928</v>
      </c>
      <c r="AB32" t="s">
        <v>928</v>
      </c>
      <c r="AC32" s="1" t="s">
        <v>881</v>
      </c>
      <c r="AD32" s="1" t="s">
        <v>882</v>
      </c>
      <c r="AE32" s="1" t="s">
        <v>883</v>
      </c>
      <c r="AF32" s="1" t="s">
        <v>884</v>
      </c>
      <c r="AG32" s="1" t="s">
        <v>883</v>
      </c>
      <c r="AH32" s="1" t="s">
        <v>883</v>
      </c>
      <c r="AI32" s="1"/>
      <c r="AJ32" s="1"/>
      <c r="AK32" s="1"/>
      <c r="AL32" s="1" t="s">
        <v>888</v>
      </c>
      <c r="AM32" s="1"/>
      <c r="AN32" s="1"/>
      <c r="AO32" s="1"/>
      <c r="AP32" t="s">
        <v>888</v>
      </c>
      <c r="AQ32" s="1"/>
      <c r="AR32" s="1">
        <v>2.0000000000000001E-4</v>
      </c>
      <c r="AS32" s="1">
        <v>2.9999999999999997E-4</v>
      </c>
      <c r="AT32" s="1"/>
      <c r="AU32" s="1"/>
      <c r="AV32" s="1"/>
      <c r="AW32" s="1"/>
      <c r="AX32" s="1"/>
      <c r="AY32" s="1"/>
      <c r="AZ32" s="1"/>
      <c r="BA32" s="1"/>
      <c r="BB32" s="1">
        <v>0.12</v>
      </c>
      <c r="BC32" s="1">
        <v>4.3</v>
      </c>
      <c r="BD32" s="1">
        <v>4.4000000000000004</v>
      </c>
      <c r="BF32" s="1"/>
      <c r="BG32" s="1"/>
      <c r="BH32" s="1"/>
      <c r="BI32" s="1"/>
      <c r="BJ32" s="1"/>
      <c r="BK32" s="1"/>
      <c r="BL32" s="1"/>
      <c r="BM32" s="1" t="s">
        <v>900</v>
      </c>
      <c r="BN32" s="1">
        <v>0.34</v>
      </c>
      <c r="BO32" s="1">
        <v>34</v>
      </c>
      <c r="BP32" s="1">
        <v>20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70833333333333337</v>
      </c>
      <c r="C33" s="1" t="s">
        <v>855</v>
      </c>
      <c r="D33" s="1" t="s">
        <v>27</v>
      </c>
      <c r="E33" s="1" t="s">
        <v>474</v>
      </c>
      <c r="F33" s="1" t="s">
        <v>203</v>
      </c>
      <c r="G33" s="1" t="s">
        <v>203</v>
      </c>
      <c r="H33" s="1" t="s">
        <v>355</v>
      </c>
      <c r="I33" s="1" t="s">
        <v>566</v>
      </c>
      <c r="J33" s="1" t="s">
        <v>32</v>
      </c>
      <c r="K33" s="1" t="s">
        <v>309</v>
      </c>
      <c r="L33" s="1" t="s">
        <v>34</v>
      </c>
      <c r="N33" s="1" t="s">
        <v>35</v>
      </c>
      <c r="O33" s="1" t="s">
        <v>278</v>
      </c>
      <c r="P33" s="1" t="s">
        <v>37</v>
      </c>
      <c r="Q33" s="1" t="s">
        <v>171</v>
      </c>
      <c r="R33" s="1" t="s">
        <v>115</v>
      </c>
      <c r="S33" s="1" t="s">
        <v>50</v>
      </c>
      <c r="T33" s="1" t="s">
        <v>286</v>
      </c>
      <c r="U33" s="1">
        <v>8.1</v>
      </c>
      <c r="V33" s="1"/>
      <c r="W33" s="1"/>
      <c r="X33" s="1"/>
      <c r="Y33" s="1"/>
      <c r="Z33" s="1"/>
      <c r="AA33" t="s">
        <v>928</v>
      </c>
      <c r="AB33" t="s">
        <v>928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38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375</v>
      </c>
      <c r="C34" s="1" t="s">
        <v>855</v>
      </c>
      <c r="D34" s="1" t="s">
        <v>27</v>
      </c>
      <c r="E34" s="1" t="s">
        <v>474</v>
      </c>
      <c r="F34" s="1" t="s">
        <v>43</v>
      </c>
      <c r="G34" s="1" t="s">
        <v>114</v>
      </c>
      <c r="H34" s="1" t="s">
        <v>355</v>
      </c>
      <c r="I34" s="1" t="s">
        <v>359</v>
      </c>
      <c r="J34" s="1" t="s">
        <v>63</v>
      </c>
      <c r="K34" s="1" t="s">
        <v>224</v>
      </c>
      <c r="L34" s="1" t="s">
        <v>34</v>
      </c>
      <c r="N34" s="1" t="s">
        <v>35</v>
      </c>
      <c r="O34" s="1" t="s">
        <v>278</v>
      </c>
      <c r="P34" s="1" t="s">
        <v>37</v>
      </c>
      <c r="Q34" s="1" t="s">
        <v>179</v>
      </c>
      <c r="R34" s="1" t="s">
        <v>180</v>
      </c>
      <c r="S34" s="1" t="s">
        <v>76</v>
      </c>
      <c r="T34" s="1" t="s">
        <v>41</v>
      </c>
      <c r="U34" s="1">
        <v>7.5</v>
      </c>
      <c r="V34" s="1"/>
      <c r="W34" s="1"/>
      <c r="X34" s="1">
        <v>5.2</v>
      </c>
      <c r="Y34" s="1">
        <v>0.26</v>
      </c>
      <c r="Z34" s="1"/>
      <c r="AA34" t="s">
        <v>928</v>
      </c>
      <c r="AB34" t="s">
        <v>928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38</v>
      </c>
      <c r="BP34" s="1">
        <v>23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72</v>
      </c>
      <c r="B35" s="2">
        <v>0.1875</v>
      </c>
      <c r="C35" s="1" t="s">
        <v>855</v>
      </c>
      <c r="D35" s="1" t="s">
        <v>27</v>
      </c>
      <c r="E35" s="1" t="s">
        <v>474</v>
      </c>
      <c r="F35" s="1" t="s">
        <v>176</v>
      </c>
      <c r="G35" s="1" t="s">
        <v>175</v>
      </c>
      <c r="H35" s="1" t="s">
        <v>355</v>
      </c>
      <c r="I35" s="1" t="s">
        <v>772</v>
      </c>
      <c r="J35" s="1" t="s">
        <v>32</v>
      </c>
      <c r="K35" s="1" t="s">
        <v>100</v>
      </c>
      <c r="L35" s="1" t="s">
        <v>34</v>
      </c>
      <c r="N35" s="1" t="s">
        <v>35</v>
      </c>
      <c r="O35" s="1" t="s">
        <v>278</v>
      </c>
      <c r="P35" s="1" t="s">
        <v>37</v>
      </c>
      <c r="Q35" s="1" t="s">
        <v>179</v>
      </c>
      <c r="R35" s="1" t="s">
        <v>109</v>
      </c>
      <c r="S35" s="1" t="s">
        <v>50</v>
      </c>
      <c r="T35" s="1" t="s">
        <v>41</v>
      </c>
      <c r="U35" s="1">
        <v>7.5</v>
      </c>
      <c r="V35" s="1"/>
      <c r="W35" s="1"/>
      <c r="X35" s="1"/>
      <c r="Y35" s="1"/>
      <c r="Z35" s="1"/>
      <c r="AA35" t="s">
        <v>928</v>
      </c>
      <c r="AB35" t="s">
        <v>928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39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37</v>
      </c>
      <c r="B36" s="2">
        <v>0.45833333333333331</v>
      </c>
      <c r="C36" s="1" t="s">
        <v>855</v>
      </c>
      <c r="D36" s="1" t="s">
        <v>27</v>
      </c>
      <c r="E36" s="1" t="s">
        <v>856</v>
      </c>
      <c r="F36" s="1" t="s">
        <v>202</v>
      </c>
      <c r="G36" s="1" t="s">
        <v>203</v>
      </c>
      <c r="H36" s="1" t="s">
        <v>185</v>
      </c>
      <c r="I36" s="1" t="s">
        <v>593</v>
      </c>
      <c r="J36" s="1" t="s">
        <v>79</v>
      </c>
      <c r="K36" s="1" t="s">
        <v>289</v>
      </c>
      <c r="L36" s="1" t="s">
        <v>477</v>
      </c>
      <c r="N36" s="1" t="s">
        <v>35</v>
      </c>
      <c r="O36" s="1" t="s">
        <v>278</v>
      </c>
      <c r="P36" s="1" t="s">
        <v>37</v>
      </c>
      <c r="Q36" s="1" t="s">
        <v>81</v>
      </c>
      <c r="R36" s="1" t="s">
        <v>146</v>
      </c>
      <c r="S36" s="1" t="s">
        <v>373</v>
      </c>
      <c r="T36" s="1" t="s">
        <v>174</v>
      </c>
      <c r="U36" s="1">
        <v>8.9</v>
      </c>
      <c r="V36" s="4">
        <v>17000</v>
      </c>
      <c r="W36" s="1"/>
      <c r="X36" s="1">
        <v>5.0999999999999996</v>
      </c>
      <c r="Y36" s="1">
        <v>0.5</v>
      </c>
      <c r="Z36" s="1">
        <v>1.9E-2</v>
      </c>
      <c r="AA36" t="s">
        <v>926</v>
      </c>
      <c r="AB36" t="s">
        <v>969</v>
      </c>
      <c r="AC36" s="1" t="s">
        <v>881</v>
      </c>
      <c r="AD36" s="1" t="s">
        <v>882</v>
      </c>
      <c r="AE36" s="1" t="s">
        <v>883</v>
      </c>
      <c r="AF36" s="1" t="s">
        <v>884</v>
      </c>
      <c r="AG36" s="1" t="s">
        <v>883</v>
      </c>
      <c r="AH36" s="1" t="s">
        <v>883</v>
      </c>
      <c r="AI36" s="1"/>
      <c r="AJ36" s="1"/>
      <c r="AK36" s="1"/>
      <c r="AL36" s="1" t="s">
        <v>888</v>
      </c>
      <c r="AM36" s="1"/>
      <c r="AN36" s="1"/>
      <c r="AO36" s="1"/>
      <c r="AP36" t="s">
        <v>888</v>
      </c>
      <c r="AQ36" s="1"/>
      <c r="AR36" s="1" t="s">
        <v>888</v>
      </c>
      <c r="AS36" s="1" t="s">
        <v>888</v>
      </c>
      <c r="AT36" s="1"/>
      <c r="AU36" s="1"/>
      <c r="AV36" s="1"/>
      <c r="AW36" s="1"/>
      <c r="AX36" s="1"/>
      <c r="AY36" s="1"/>
      <c r="AZ36" s="1" t="s">
        <v>893</v>
      </c>
      <c r="BA36" s="1">
        <v>2.1000000000000001E-2</v>
      </c>
      <c r="BB36" s="1">
        <v>0.24</v>
      </c>
      <c r="BC36" s="1">
        <v>4.5999999999999996</v>
      </c>
      <c r="BD36" s="1">
        <v>4.8</v>
      </c>
      <c r="BF36" s="1" t="s">
        <v>885</v>
      </c>
      <c r="BG36" s="1">
        <v>3.0000000000000001E-3</v>
      </c>
      <c r="BH36" s="1" t="s">
        <v>884</v>
      </c>
      <c r="BI36" s="1" t="s">
        <v>882</v>
      </c>
      <c r="BJ36" s="1"/>
      <c r="BK36" s="1"/>
      <c r="BL36" s="1"/>
      <c r="BM36" s="1" t="s">
        <v>900</v>
      </c>
      <c r="BN36" s="1">
        <v>0.44</v>
      </c>
      <c r="BO36" s="1">
        <v>37</v>
      </c>
      <c r="BP36" s="1">
        <v>27</v>
      </c>
      <c r="BQ36" s="1"/>
      <c r="BR36" s="1" t="s">
        <v>90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70833333333333337</v>
      </c>
      <c r="C37" s="1" t="s">
        <v>855</v>
      </c>
      <c r="D37" s="1" t="s">
        <v>85</v>
      </c>
      <c r="E37" s="1" t="s">
        <v>856</v>
      </c>
      <c r="F37" s="1" t="s">
        <v>249</v>
      </c>
      <c r="G37" s="1" t="s">
        <v>167</v>
      </c>
      <c r="H37" s="1" t="s">
        <v>177</v>
      </c>
      <c r="I37" s="1" t="s">
        <v>706</v>
      </c>
      <c r="J37" s="1" t="s">
        <v>79</v>
      </c>
      <c r="K37" s="1" t="s">
        <v>289</v>
      </c>
      <c r="L37" s="1" t="s">
        <v>34</v>
      </c>
      <c r="N37" s="1" t="s">
        <v>35</v>
      </c>
      <c r="O37" s="1" t="s">
        <v>278</v>
      </c>
      <c r="P37" s="1" t="s">
        <v>37</v>
      </c>
      <c r="Q37" s="1" t="s">
        <v>171</v>
      </c>
      <c r="R37" s="1" t="s">
        <v>115</v>
      </c>
      <c r="S37" s="1" t="s">
        <v>347</v>
      </c>
      <c r="T37" s="1" t="s">
        <v>68</v>
      </c>
      <c r="U37" s="1">
        <v>7.3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40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375</v>
      </c>
      <c r="C38" s="1" t="s">
        <v>855</v>
      </c>
      <c r="D38" s="1" t="s">
        <v>85</v>
      </c>
      <c r="E38" s="1" t="s">
        <v>856</v>
      </c>
      <c r="F38" s="1" t="s">
        <v>42</v>
      </c>
      <c r="G38" s="1" t="s">
        <v>42</v>
      </c>
      <c r="H38" s="1" t="s">
        <v>170</v>
      </c>
      <c r="I38" s="1" t="s">
        <v>644</v>
      </c>
      <c r="J38" s="1" t="s">
        <v>72</v>
      </c>
      <c r="K38" s="1" t="s">
        <v>80</v>
      </c>
      <c r="L38" s="1" t="s">
        <v>34</v>
      </c>
      <c r="N38" s="1" t="s">
        <v>35</v>
      </c>
      <c r="O38" s="1" t="s">
        <v>278</v>
      </c>
      <c r="P38" s="1" t="s">
        <v>37</v>
      </c>
      <c r="Q38" s="1" t="s">
        <v>179</v>
      </c>
      <c r="R38" s="1" t="s">
        <v>192</v>
      </c>
      <c r="S38" s="1" t="s">
        <v>67</v>
      </c>
      <c r="T38" s="1" t="s">
        <v>60</v>
      </c>
      <c r="U38" s="1">
        <v>7.1</v>
      </c>
      <c r="V38" s="1"/>
      <c r="W38" s="1"/>
      <c r="X38" s="1">
        <v>5.4</v>
      </c>
      <c r="Y38" s="1">
        <v>0.37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40</v>
      </c>
      <c r="BP38" s="1">
        <v>30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84</v>
      </c>
      <c r="B39" s="2">
        <v>0.1875</v>
      </c>
      <c r="C39" s="1" t="s">
        <v>855</v>
      </c>
      <c r="D39" s="1" t="s">
        <v>85</v>
      </c>
      <c r="E39" s="1" t="s">
        <v>856</v>
      </c>
      <c r="F39" s="1" t="s">
        <v>117</v>
      </c>
      <c r="G39" s="1" t="s">
        <v>125</v>
      </c>
      <c r="H39" s="1" t="s">
        <v>200</v>
      </c>
      <c r="I39" s="1" t="s">
        <v>747</v>
      </c>
      <c r="J39" s="1" t="s">
        <v>44</v>
      </c>
      <c r="K39" s="1" t="s">
        <v>247</v>
      </c>
      <c r="L39" s="1" t="s">
        <v>34</v>
      </c>
      <c r="N39" s="1" t="s">
        <v>35</v>
      </c>
      <c r="O39" s="1" t="s">
        <v>278</v>
      </c>
      <c r="P39" s="1" t="s">
        <v>37</v>
      </c>
      <c r="Q39" s="1" t="s">
        <v>179</v>
      </c>
      <c r="R39" s="1" t="s">
        <v>220</v>
      </c>
      <c r="S39" s="1" t="s">
        <v>287</v>
      </c>
      <c r="T39" s="1" t="s">
        <v>60</v>
      </c>
      <c r="U39" s="1">
        <v>7.4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42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44</v>
      </c>
      <c r="B40" s="2">
        <v>0.45833333333333331</v>
      </c>
      <c r="C40" s="1" t="s">
        <v>855</v>
      </c>
      <c r="D40" s="1" t="s">
        <v>27</v>
      </c>
      <c r="E40" s="1" t="s">
        <v>28</v>
      </c>
      <c r="F40" s="1" t="s">
        <v>699</v>
      </c>
      <c r="G40" s="1" t="s">
        <v>699</v>
      </c>
      <c r="H40" s="1" t="s">
        <v>237</v>
      </c>
      <c r="I40" s="1" t="s">
        <v>706</v>
      </c>
      <c r="J40" s="1" t="s">
        <v>79</v>
      </c>
      <c r="K40" s="1" t="s">
        <v>132</v>
      </c>
      <c r="L40" s="1" t="s">
        <v>34</v>
      </c>
      <c r="N40" s="1" t="s">
        <v>35</v>
      </c>
      <c r="O40" s="1" t="s">
        <v>278</v>
      </c>
      <c r="P40" s="1" t="s">
        <v>37</v>
      </c>
      <c r="Q40" s="1" t="s">
        <v>171</v>
      </c>
      <c r="R40" s="1" t="s">
        <v>181</v>
      </c>
      <c r="S40" s="1" t="s">
        <v>216</v>
      </c>
      <c r="T40" s="1" t="s">
        <v>60</v>
      </c>
      <c r="U40" s="1">
        <v>10.4</v>
      </c>
      <c r="V40" s="4">
        <v>4900</v>
      </c>
      <c r="W40" s="1"/>
      <c r="X40" s="1">
        <v>6.1</v>
      </c>
      <c r="Y40" s="1">
        <v>0.31</v>
      </c>
      <c r="Z40" s="1"/>
      <c r="AC40" s="1" t="s">
        <v>881</v>
      </c>
      <c r="AD40" s="1" t="s">
        <v>882</v>
      </c>
      <c r="AE40" s="1" t="s">
        <v>883</v>
      </c>
      <c r="AF40" s="1" t="s">
        <v>884</v>
      </c>
      <c r="AG40" s="1" t="s">
        <v>883</v>
      </c>
      <c r="AH40" s="1" t="s">
        <v>883</v>
      </c>
      <c r="AI40" s="1"/>
      <c r="AJ40" s="1"/>
      <c r="AK40" s="1"/>
      <c r="AL40" s="1" t="s">
        <v>888</v>
      </c>
      <c r="AM40" s="1"/>
      <c r="AN40" s="1"/>
      <c r="AO40" s="1"/>
      <c r="AP40" t="s">
        <v>888</v>
      </c>
      <c r="AQ40" s="1"/>
      <c r="AR40" s="1" t="s">
        <v>888</v>
      </c>
      <c r="AS40" s="1">
        <v>2.0000000000000001E-4</v>
      </c>
      <c r="AT40" s="1"/>
      <c r="AU40" s="1"/>
      <c r="AV40" s="1"/>
      <c r="AW40" s="1"/>
      <c r="AX40" s="1"/>
      <c r="AY40" s="1"/>
      <c r="AZ40" s="1"/>
      <c r="BA40" s="1"/>
      <c r="BB40" s="1">
        <v>0.26</v>
      </c>
      <c r="BC40" s="1">
        <v>5.4</v>
      </c>
      <c r="BD40" s="1">
        <v>5.6</v>
      </c>
      <c r="BF40" s="1"/>
      <c r="BG40" s="1"/>
      <c r="BH40" s="1"/>
      <c r="BI40" s="1"/>
      <c r="BJ40" s="1"/>
      <c r="BK40" s="1"/>
      <c r="BL40" s="1"/>
      <c r="BM40" s="1" t="s">
        <v>900</v>
      </c>
      <c r="BN40" s="1">
        <v>0.26</v>
      </c>
      <c r="BO40" s="1">
        <v>36</v>
      </c>
      <c r="BP40" s="1">
        <v>26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70833333333333337</v>
      </c>
      <c r="C41" s="1" t="s">
        <v>855</v>
      </c>
      <c r="D41" s="1" t="s">
        <v>27</v>
      </c>
      <c r="E41" s="1" t="s">
        <v>28</v>
      </c>
      <c r="F41" s="1" t="s">
        <v>134</v>
      </c>
      <c r="G41" s="1" t="s">
        <v>273</v>
      </c>
      <c r="H41" s="1" t="s">
        <v>190</v>
      </c>
      <c r="I41" s="1" t="s">
        <v>479</v>
      </c>
      <c r="J41" s="1" t="s">
        <v>79</v>
      </c>
      <c r="K41" s="1" t="s">
        <v>88</v>
      </c>
      <c r="L41" s="1" t="s">
        <v>34</v>
      </c>
      <c r="N41" s="1" t="s">
        <v>35</v>
      </c>
      <c r="O41" s="1" t="s">
        <v>278</v>
      </c>
      <c r="P41" s="1" t="s">
        <v>37</v>
      </c>
      <c r="Q41" s="1" t="s">
        <v>81</v>
      </c>
      <c r="R41" s="1" t="s">
        <v>76</v>
      </c>
      <c r="S41" s="1" t="s">
        <v>584</v>
      </c>
      <c r="T41" s="1" t="s">
        <v>41</v>
      </c>
      <c r="U41" s="1">
        <v>9.1999999999999993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40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375</v>
      </c>
      <c r="C42" s="1" t="s">
        <v>855</v>
      </c>
      <c r="D42" s="1" t="s">
        <v>27</v>
      </c>
      <c r="E42" s="1" t="s">
        <v>28</v>
      </c>
      <c r="F42" s="1" t="s">
        <v>584</v>
      </c>
      <c r="G42" s="1" t="s">
        <v>291</v>
      </c>
      <c r="H42" s="1" t="s">
        <v>205</v>
      </c>
      <c r="I42" s="1" t="s">
        <v>776</v>
      </c>
      <c r="J42" s="1" t="s">
        <v>79</v>
      </c>
      <c r="K42" s="1" t="s">
        <v>289</v>
      </c>
      <c r="L42" s="1" t="s">
        <v>34</v>
      </c>
      <c r="N42" s="1" t="s">
        <v>35</v>
      </c>
      <c r="O42" s="1" t="s">
        <v>278</v>
      </c>
      <c r="P42" s="1" t="s">
        <v>37</v>
      </c>
      <c r="Q42" s="1" t="s">
        <v>179</v>
      </c>
      <c r="R42" s="1" t="s">
        <v>303</v>
      </c>
      <c r="S42" s="1" t="s">
        <v>444</v>
      </c>
      <c r="T42" s="1" t="s">
        <v>60</v>
      </c>
      <c r="U42" s="1">
        <v>7.9</v>
      </c>
      <c r="V42" s="1"/>
      <c r="W42" s="1"/>
      <c r="X42" s="1">
        <v>6.5</v>
      </c>
      <c r="Y42" s="1">
        <v>0.47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40</v>
      </c>
      <c r="BP42" s="1">
        <v>29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93</v>
      </c>
      <c r="B43" s="2">
        <v>0.1875</v>
      </c>
      <c r="C43" s="1" t="s">
        <v>855</v>
      </c>
      <c r="D43" s="1" t="s">
        <v>27</v>
      </c>
      <c r="E43" s="1" t="s">
        <v>28</v>
      </c>
      <c r="F43" s="1" t="s">
        <v>146</v>
      </c>
      <c r="G43" s="1" t="s">
        <v>81</v>
      </c>
      <c r="H43" s="1" t="s">
        <v>185</v>
      </c>
      <c r="I43" s="1" t="s">
        <v>623</v>
      </c>
      <c r="J43" s="1" t="s">
        <v>79</v>
      </c>
      <c r="K43" s="1" t="s">
        <v>88</v>
      </c>
      <c r="L43" s="1" t="s">
        <v>34</v>
      </c>
      <c r="N43" s="1" t="s">
        <v>35</v>
      </c>
      <c r="O43" s="1" t="s">
        <v>278</v>
      </c>
      <c r="P43" s="1" t="s">
        <v>37</v>
      </c>
      <c r="Q43" s="1" t="s">
        <v>186</v>
      </c>
      <c r="R43" s="1" t="s">
        <v>220</v>
      </c>
      <c r="S43" s="1" t="s">
        <v>347</v>
      </c>
      <c r="T43" s="1" t="s">
        <v>41</v>
      </c>
      <c r="U43" s="1">
        <v>8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44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95</v>
      </c>
      <c r="B44" s="2">
        <v>0.45833333333333331</v>
      </c>
      <c r="C44" s="1" t="s">
        <v>855</v>
      </c>
      <c r="D44" s="1" t="s">
        <v>85</v>
      </c>
      <c r="E44" s="1" t="s">
        <v>28</v>
      </c>
      <c r="F44" s="1" t="s">
        <v>291</v>
      </c>
      <c r="G44" s="1" t="s">
        <v>273</v>
      </c>
      <c r="H44" s="1" t="s">
        <v>355</v>
      </c>
      <c r="I44" s="1" t="s">
        <v>427</v>
      </c>
      <c r="J44" s="1" t="s">
        <v>46</v>
      </c>
      <c r="K44" s="1" t="s">
        <v>228</v>
      </c>
      <c r="L44" s="1" t="s">
        <v>34</v>
      </c>
      <c r="N44" s="1" t="s">
        <v>35</v>
      </c>
      <c r="O44" s="1" t="s">
        <v>278</v>
      </c>
      <c r="P44" s="1" t="s">
        <v>37</v>
      </c>
      <c r="Q44" s="1" t="s">
        <v>171</v>
      </c>
      <c r="R44" s="1" t="s">
        <v>226</v>
      </c>
      <c r="S44" s="1" t="s">
        <v>444</v>
      </c>
      <c r="T44" s="1" t="s">
        <v>41</v>
      </c>
      <c r="U44" s="1">
        <v>9.9</v>
      </c>
      <c r="V44" s="4">
        <v>13000</v>
      </c>
      <c r="W44" s="1" t="s">
        <v>887</v>
      </c>
      <c r="X44" s="1">
        <v>5.7</v>
      </c>
      <c r="Y44" s="1">
        <v>0.3</v>
      </c>
      <c r="Z44" s="1">
        <v>1.9E-2</v>
      </c>
      <c r="AA44" t="s">
        <v>926</v>
      </c>
      <c r="AB44" t="s">
        <v>927</v>
      </c>
      <c r="AC44" s="1" t="s">
        <v>881</v>
      </c>
      <c r="AD44" s="1" t="s">
        <v>882</v>
      </c>
      <c r="AE44" s="1" t="s">
        <v>883</v>
      </c>
      <c r="AF44" s="1" t="s">
        <v>884</v>
      </c>
      <c r="AG44" s="1" t="s">
        <v>883</v>
      </c>
      <c r="AH44" s="1" t="s">
        <v>883</v>
      </c>
      <c r="AI44" s="1"/>
      <c r="AJ44" s="1"/>
      <c r="AK44" s="1" t="s">
        <v>888</v>
      </c>
      <c r="AL44" s="1" t="s">
        <v>888</v>
      </c>
      <c r="AM44" s="1" t="s">
        <v>888</v>
      </c>
      <c r="AN44" s="1" t="s">
        <v>888</v>
      </c>
      <c r="AO44" s="1" t="s">
        <v>888</v>
      </c>
      <c r="AP44" t="s">
        <v>888</v>
      </c>
      <c r="AQ44" s="1" t="s">
        <v>888</v>
      </c>
      <c r="AR44" s="1">
        <v>2.0000000000000001E-4</v>
      </c>
      <c r="AS44" s="1">
        <v>2.0000000000000001E-4</v>
      </c>
      <c r="AT44" s="1" t="s">
        <v>896</v>
      </c>
      <c r="AU44" s="1"/>
      <c r="AV44" s="1"/>
      <c r="AW44" s="1"/>
      <c r="AX44" s="1" t="s">
        <v>888</v>
      </c>
      <c r="AY44" s="1" t="s">
        <v>883</v>
      </c>
      <c r="AZ44" s="1" t="s">
        <v>893</v>
      </c>
      <c r="BA44" s="1">
        <v>2.1000000000000001E-2</v>
      </c>
      <c r="BB44" s="1">
        <v>0.19</v>
      </c>
      <c r="BC44" s="1">
        <v>5.0999999999999996</v>
      </c>
      <c r="BD44" s="1">
        <v>5.2</v>
      </c>
      <c r="BF44" s="1" t="s">
        <v>885</v>
      </c>
      <c r="BG44" s="1">
        <v>3.3999999999999998E-3</v>
      </c>
      <c r="BH44" s="1" t="s">
        <v>884</v>
      </c>
      <c r="BI44" s="1" t="s">
        <v>882</v>
      </c>
      <c r="BJ44" s="1"/>
      <c r="BK44" s="1"/>
      <c r="BL44" s="1">
        <v>6.0000000000000001E-3</v>
      </c>
      <c r="BM44" s="1">
        <v>0.04</v>
      </c>
      <c r="BN44" s="1">
        <v>0.25</v>
      </c>
      <c r="BO44" s="1">
        <v>38</v>
      </c>
      <c r="BP44" s="1">
        <v>31</v>
      </c>
      <c r="BQ44" s="1"/>
      <c r="BR44" s="1" t="s">
        <v>901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9791666666666663</v>
      </c>
      <c r="C45" s="1" t="s">
        <v>855</v>
      </c>
      <c r="D45" s="1" t="s">
        <v>85</v>
      </c>
      <c r="E45" s="1" t="s">
        <v>28</v>
      </c>
      <c r="F45" s="1" t="s">
        <v>699</v>
      </c>
      <c r="G45" s="1" t="s">
        <v>166</v>
      </c>
      <c r="H45" s="1" t="s">
        <v>243</v>
      </c>
      <c r="I45" s="1" t="s">
        <v>777</v>
      </c>
      <c r="J45" s="1" t="s">
        <v>46</v>
      </c>
      <c r="K45" s="1" t="s">
        <v>55</v>
      </c>
      <c r="L45" s="1" t="s">
        <v>34</v>
      </c>
      <c r="N45" s="1" t="s">
        <v>35</v>
      </c>
      <c r="O45" s="1" t="s">
        <v>278</v>
      </c>
      <c r="P45" s="1" t="s">
        <v>37</v>
      </c>
      <c r="Q45" s="1" t="s">
        <v>210</v>
      </c>
      <c r="R45" s="1" t="s">
        <v>216</v>
      </c>
      <c r="S45" s="1" t="s">
        <v>376</v>
      </c>
      <c r="T45" s="1" t="s">
        <v>68</v>
      </c>
      <c r="U45" s="1">
        <v>9.5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40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4444444444444453</v>
      </c>
      <c r="C46" s="1" t="s">
        <v>855</v>
      </c>
      <c r="D46" s="1" t="s">
        <v>85</v>
      </c>
      <c r="E46" s="1" t="s">
        <v>28</v>
      </c>
      <c r="F46" s="1" t="s">
        <v>291</v>
      </c>
      <c r="G46" s="1" t="s">
        <v>273</v>
      </c>
      <c r="H46" s="1" t="s">
        <v>237</v>
      </c>
      <c r="I46" s="1" t="s">
        <v>778</v>
      </c>
      <c r="J46" s="1" t="s">
        <v>46</v>
      </c>
      <c r="K46" s="1" t="s">
        <v>228</v>
      </c>
      <c r="L46" s="1" t="s">
        <v>34</v>
      </c>
      <c r="N46" s="1" t="s">
        <v>35</v>
      </c>
      <c r="O46" s="1" t="s">
        <v>278</v>
      </c>
      <c r="P46" s="1" t="s">
        <v>37</v>
      </c>
      <c r="Q46" s="1" t="s">
        <v>179</v>
      </c>
      <c r="R46" s="1" t="s">
        <v>303</v>
      </c>
      <c r="S46" s="1" t="s">
        <v>67</v>
      </c>
      <c r="T46" s="1" t="s">
        <v>286</v>
      </c>
      <c r="U46" s="1">
        <v>8</v>
      </c>
      <c r="V46" s="1"/>
      <c r="W46" s="1"/>
      <c r="X46" s="1">
        <v>5.8</v>
      </c>
      <c r="Y46" s="1">
        <v>0.28999999999999998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40</v>
      </c>
      <c r="BP46" s="1">
        <v>31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98</v>
      </c>
      <c r="B47" s="2">
        <v>0.1875</v>
      </c>
      <c r="C47" s="1" t="s">
        <v>855</v>
      </c>
      <c r="D47" s="1" t="s">
        <v>85</v>
      </c>
      <c r="E47" s="1" t="s">
        <v>28</v>
      </c>
      <c r="F47" s="1" t="s">
        <v>584</v>
      </c>
      <c r="G47" s="1" t="s">
        <v>429</v>
      </c>
      <c r="H47" s="1" t="s">
        <v>243</v>
      </c>
      <c r="I47" s="1" t="s">
        <v>760</v>
      </c>
      <c r="J47" s="1" t="s">
        <v>46</v>
      </c>
      <c r="K47" s="1" t="s">
        <v>228</v>
      </c>
      <c r="L47" s="1" t="s">
        <v>34</v>
      </c>
      <c r="N47" s="1" t="s">
        <v>35</v>
      </c>
      <c r="O47" s="1" t="s">
        <v>278</v>
      </c>
      <c r="P47" s="1" t="s">
        <v>37</v>
      </c>
      <c r="Q47" s="1" t="s">
        <v>186</v>
      </c>
      <c r="R47" s="1" t="s">
        <v>83</v>
      </c>
      <c r="S47" s="1" t="s">
        <v>313</v>
      </c>
      <c r="T47" s="1" t="s">
        <v>41</v>
      </c>
      <c r="U47" s="1">
        <v>8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41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8</v>
      </c>
      <c r="B48" s="2">
        <v>0.45833333333333331</v>
      </c>
      <c r="C48" s="1" t="s">
        <v>855</v>
      </c>
      <c r="D48" s="1" t="s">
        <v>27</v>
      </c>
      <c r="E48" s="1" t="s">
        <v>857</v>
      </c>
      <c r="F48" s="1" t="s">
        <v>43</v>
      </c>
      <c r="G48" s="1" t="s">
        <v>176</v>
      </c>
      <c r="H48" s="1" t="s">
        <v>209</v>
      </c>
      <c r="I48" s="1" t="s">
        <v>754</v>
      </c>
      <c r="J48" s="1" t="s">
        <v>79</v>
      </c>
      <c r="K48" s="1" t="s">
        <v>88</v>
      </c>
      <c r="L48" s="1" t="s">
        <v>34</v>
      </c>
      <c r="N48" s="1" t="s">
        <v>35</v>
      </c>
      <c r="O48" s="1" t="s">
        <v>278</v>
      </c>
      <c r="P48" s="1" t="s">
        <v>37</v>
      </c>
      <c r="Q48" s="1" t="s">
        <v>210</v>
      </c>
      <c r="R48" s="1" t="s">
        <v>173</v>
      </c>
      <c r="S48" s="1" t="s">
        <v>338</v>
      </c>
      <c r="T48" s="1" t="s">
        <v>68</v>
      </c>
      <c r="U48" s="1">
        <v>9.4</v>
      </c>
      <c r="V48" s="4">
        <v>13000</v>
      </c>
      <c r="W48" s="1"/>
      <c r="X48" s="1">
        <v>5.9</v>
      </c>
      <c r="Y48" s="1">
        <v>0.37</v>
      </c>
      <c r="Z48" s="1"/>
      <c r="AC48" s="1" t="s">
        <v>881</v>
      </c>
      <c r="AD48" s="1" t="s">
        <v>882</v>
      </c>
      <c r="AE48" s="1" t="s">
        <v>883</v>
      </c>
      <c r="AF48" s="1" t="s">
        <v>884</v>
      </c>
      <c r="AG48" s="1" t="s">
        <v>883</v>
      </c>
      <c r="AH48" s="1" t="s">
        <v>883</v>
      </c>
      <c r="AI48" s="1"/>
      <c r="AJ48" s="1"/>
      <c r="AK48" s="1"/>
      <c r="AL48" s="1" t="s">
        <v>888</v>
      </c>
      <c r="AM48" s="1"/>
      <c r="AN48" s="1"/>
      <c r="AO48" s="1"/>
      <c r="AP48" t="s">
        <v>888</v>
      </c>
      <c r="AQ48" s="1"/>
      <c r="AR48" s="1">
        <v>2.0000000000000001E-4</v>
      </c>
      <c r="AS48" s="1" t="s">
        <v>888</v>
      </c>
      <c r="AT48" s="1"/>
      <c r="AU48" s="1" t="s">
        <v>883</v>
      </c>
      <c r="AV48" s="1" t="s">
        <v>881</v>
      </c>
      <c r="AW48" s="1" t="s">
        <v>883</v>
      </c>
      <c r="AX48" s="1"/>
      <c r="AY48" s="1"/>
      <c r="AZ48" s="1"/>
      <c r="BA48" s="1"/>
      <c r="BB48" s="1">
        <v>0.13</v>
      </c>
      <c r="BC48" s="1">
        <v>4.4000000000000004</v>
      </c>
      <c r="BD48" s="1">
        <v>4.5</v>
      </c>
      <c r="BF48" s="1"/>
      <c r="BG48" s="1"/>
      <c r="BH48" s="1"/>
      <c r="BI48" s="1"/>
      <c r="BJ48" s="1"/>
      <c r="BK48" s="1"/>
      <c r="BL48" s="1"/>
      <c r="BM48" s="1" t="s">
        <v>900</v>
      </c>
      <c r="BN48" s="1">
        <v>0.34</v>
      </c>
      <c r="BO48" s="1">
        <v>37</v>
      </c>
      <c r="BP48" s="1">
        <v>37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875</v>
      </c>
      <c r="C49" s="1" t="s">
        <v>855</v>
      </c>
      <c r="D49" s="1" t="s">
        <v>85</v>
      </c>
      <c r="E49" s="1" t="s">
        <v>857</v>
      </c>
      <c r="F49" s="1" t="s">
        <v>42</v>
      </c>
      <c r="G49" s="1" t="s">
        <v>175</v>
      </c>
      <c r="H49" s="1" t="s">
        <v>225</v>
      </c>
      <c r="I49" s="1" t="s">
        <v>479</v>
      </c>
      <c r="J49" s="1" t="s">
        <v>64</v>
      </c>
      <c r="K49" s="1" t="s">
        <v>73</v>
      </c>
      <c r="L49" s="1" t="s">
        <v>34</v>
      </c>
      <c r="N49" s="1" t="s">
        <v>35</v>
      </c>
      <c r="O49" s="1" t="s">
        <v>278</v>
      </c>
      <c r="P49" s="1" t="s">
        <v>37</v>
      </c>
      <c r="Q49" s="1" t="s">
        <v>81</v>
      </c>
      <c r="R49" s="1" t="s">
        <v>220</v>
      </c>
      <c r="S49" s="1" t="s">
        <v>50</v>
      </c>
      <c r="T49" s="1" t="s">
        <v>68</v>
      </c>
      <c r="U49" s="1">
        <v>9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36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375</v>
      </c>
      <c r="C50" s="1" t="s">
        <v>855</v>
      </c>
      <c r="D50" s="1" t="s">
        <v>164</v>
      </c>
      <c r="E50" s="1" t="s">
        <v>857</v>
      </c>
      <c r="F50" s="1" t="s">
        <v>117</v>
      </c>
      <c r="G50" s="1" t="s">
        <v>125</v>
      </c>
      <c r="H50" s="1" t="s">
        <v>237</v>
      </c>
      <c r="I50" s="1" t="s">
        <v>472</v>
      </c>
      <c r="J50" s="1" t="s">
        <v>32</v>
      </c>
      <c r="K50" s="1" t="s">
        <v>74</v>
      </c>
      <c r="L50" s="1" t="s">
        <v>34</v>
      </c>
      <c r="N50" s="1" t="s">
        <v>35</v>
      </c>
      <c r="O50" s="1" t="s">
        <v>278</v>
      </c>
      <c r="P50" s="1" t="s">
        <v>37</v>
      </c>
      <c r="Q50" s="1" t="s">
        <v>171</v>
      </c>
      <c r="R50" s="1" t="s">
        <v>49</v>
      </c>
      <c r="S50" s="1" t="s">
        <v>529</v>
      </c>
      <c r="T50" s="1" t="s">
        <v>68</v>
      </c>
      <c r="U50" s="1">
        <v>8</v>
      </c>
      <c r="V50" s="1"/>
      <c r="W50" s="1"/>
      <c r="X50" s="1">
        <v>5.2</v>
      </c>
      <c r="Y50" s="1">
        <v>0.36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36</v>
      </c>
      <c r="BP50" s="1">
        <v>29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06</v>
      </c>
      <c r="B51" s="2">
        <v>0.1875</v>
      </c>
      <c r="C51" s="1" t="s">
        <v>855</v>
      </c>
      <c r="D51" s="1" t="s">
        <v>164</v>
      </c>
      <c r="E51" s="1" t="s">
        <v>857</v>
      </c>
      <c r="F51" s="1" t="s">
        <v>699</v>
      </c>
      <c r="G51" s="1" t="s">
        <v>166</v>
      </c>
      <c r="H51" s="1" t="s">
        <v>204</v>
      </c>
      <c r="I51" s="1" t="s">
        <v>779</v>
      </c>
      <c r="J51" s="1" t="s">
        <v>207</v>
      </c>
      <c r="K51" s="1" t="s">
        <v>355</v>
      </c>
      <c r="L51" s="1" t="s">
        <v>732</v>
      </c>
      <c r="N51" s="1" t="s">
        <v>35</v>
      </c>
      <c r="O51" s="1" t="s">
        <v>729</v>
      </c>
      <c r="P51" s="1" t="s">
        <v>37</v>
      </c>
      <c r="Q51" s="1" t="s">
        <v>179</v>
      </c>
      <c r="R51" s="1" t="s">
        <v>135</v>
      </c>
      <c r="S51" s="1" t="s">
        <v>171</v>
      </c>
      <c r="T51" s="1" t="s">
        <v>780</v>
      </c>
      <c r="U51" s="1">
        <v>8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24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</sheetData>
  <phoneticPr fontId="18"/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9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73</v>
      </c>
      <c r="C1" s="1" t="s">
        <v>1</v>
      </c>
      <c r="D1" s="1" t="s">
        <v>877</v>
      </c>
      <c r="E1" s="1" t="s">
        <v>2</v>
      </c>
      <c r="F1" s="1" t="s">
        <v>866</v>
      </c>
      <c r="G1" s="1" t="s">
        <v>3</v>
      </c>
      <c r="H1" s="1" t="s">
        <v>86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3</v>
      </c>
      <c r="AB2" s="1" t="s">
        <v>921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9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666666666666669</v>
      </c>
      <c r="C4" s="1" t="s">
        <v>855</v>
      </c>
      <c r="D4" s="1" t="s">
        <v>164</v>
      </c>
      <c r="E4" s="1" t="s">
        <v>28</v>
      </c>
      <c r="F4" s="1" t="s">
        <v>175</v>
      </c>
      <c r="G4" s="1" t="s">
        <v>42</v>
      </c>
      <c r="H4" s="1" t="s">
        <v>224</v>
      </c>
      <c r="I4" s="1" t="s">
        <v>752</v>
      </c>
      <c r="J4" s="1" t="s">
        <v>32</v>
      </c>
      <c r="K4" s="1" t="s">
        <v>100</v>
      </c>
      <c r="L4" s="1" t="s">
        <v>95</v>
      </c>
      <c r="N4" s="1" t="s">
        <v>35</v>
      </c>
      <c r="O4" s="1" t="s">
        <v>278</v>
      </c>
      <c r="P4" s="1" t="s">
        <v>37</v>
      </c>
      <c r="Q4" s="1" t="s">
        <v>210</v>
      </c>
      <c r="R4" s="1" t="s">
        <v>173</v>
      </c>
      <c r="S4" s="1" t="s">
        <v>50</v>
      </c>
      <c r="T4" s="1" t="s">
        <v>174</v>
      </c>
      <c r="U4" s="1">
        <v>8</v>
      </c>
      <c r="V4" s="4">
        <v>23000</v>
      </c>
      <c r="W4" s="1"/>
      <c r="X4" s="1">
        <v>5.5</v>
      </c>
      <c r="Y4" s="1">
        <v>0.28000000000000003</v>
      </c>
      <c r="Z4" s="1">
        <v>1.4E-2</v>
      </c>
      <c r="AA4" s="1" t="s">
        <v>926</v>
      </c>
      <c r="AB4" s="1" t="s">
        <v>970</v>
      </c>
      <c r="AC4" s="1" t="s">
        <v>881</v>
      </c>
      <c r="AD4" s="1" t="s">
        <v>882</v>
      </c>
      <c r="AE4" s="1" t="s">
        <v>883</v>
      </c>
      <c r="AF4" s="1" t="s">
        <v>884</v>
      </c>
      <c r="AG4" s="1" t="s">
        <v>883</v>
      </c>
      <c r="AH4" s="1" t="s">
        <v>883</v>
      </c>
      <c r="AI4" s="1"/>
      <c r="AJ4" s="1"/>
      <c r="AK4" s="1"/>
      <c r="AL4" s="1" t="s">
        <v>888</v>
      </c>
      <c r="AM4" s="1"/>
      <c r="AN4" s="1"/>
      <c r="AO4" s="1"/>
      <c r="AP4" t="s">
        <v>888</v>
      </c>
      <c r="AQ4" s="1"/>
      <c r="AR4" s="1" t="s">
        <v>888</v>
      </c>
      <c r="AS4" s="1" t="s">
        <v>888</v>
      </c>
      <c r="AT4" s="1"/>
      <c r="AU4" s="1"/>
      <c r="AV4" s="1"/>
      <c r="AW4" s="1"/>
      <c r="AX4" s="1"/>
      <c r="AY4" s="1"/>
      <c r="AZ4" s="1">
        <v>0.08</v>
      </c>
      <c r="BA4" s="1">
        <v>2.7E-2</v>
      </c>
      <c r="BB4" s="1">
        <v>0.24</v>
      </c>
      <c r="BC4" s="1">
        <v>4.4000000000000004</v>
      </c>
      <c r="BD4" s="1">
        <v>4.5999999999999996</v>
      </c>
      <c r="BE4" s="1"/>
      <c r="BF4" s="1" t="s">
        <v>885</v>
      </c>
      <c r="BG4" s="1">
        <v>3.8E-3</v>
      </c>
      <c r="BH4" s="1" t="s">
        <v>884</v>
      </c>
      <c r="BI4" s="1" t="s">
        <v>882</v>
      </c>
      <c r="BJ4" s="1"/>
      <c r="BK4" s="1"/>
      <c r="BL4" s="1"/>
      <c r="BM4" s="1">
        <v>0.4</v>
      </c>
      <c r="BN4" s="1">
        <v>0.24</v>
      </c>
      <c r="BO4" s="1">
        <v>36</v>
      </c>
      <c r="BP4" s="1">
        <v>29</v>
      </c>
      <c r="BQ4" s="1"/>
      <c r="BR4" s="1" t="s">
        <v>90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6666666666666663</v>
      </c>
      <c r="C5" s="1" t="s">
        <v>855</v>
      </c>
      <c r="D5" s="1" t="s">
        <v>85</v>
      </c>
      <c r="E5" s="1" t="s">
        <v>28</v>
      </c>
      <c r="F5" s="1" t="s">
        <v>43</v>
      </c>
      <c r="G5" s="1" t="s">
        <v>43</v>
      </c>
      <c r="H5" s="1" t="s">
        <v>33</v>
      </c>
      <c r="I5" s="1" t="s">
        <v>463</v>
      </c>
      <c r="J5" s="1" t="s">
        <v>119</v>
      </c>
      <c r="K5" s="1" t="s">
        <v>200</v>
      </c>
      <c r="L5" s="1" t="s">
        <v>95</v>
      </c>
      <c r="N5" s="1" t="s">
        <v>35</v>
      </c>
      <c r="O5" s="1" t="s">
        <v>278</v>
      </c>
      <c r="P5" s="1" t="s">
        <v>37</v>
      </c>
      <c r="Q5" s="1" t="s">
        <v>411</v>
      </c>
      <c r="R5" s="1" t="s">
        <v>173</v>
      </c>
      <c r="S5" s="1" t="s">
        <v>338</v>
      </c>
      <c r="T5" s="1" t="s">
        <v>136</v>
      </c>
      <c r="U5" s="1">
        <v>9.1</v>
      </c>
      <c r="V5" s="1"/>
      <c r="W5" s="1"/>
      <c r="X5" s="1"/>
      <c r="Y5" s="1"/>
      <c r="Z5" s="1"/>
      <c r="AA5" s="1" t="s">
        <v>928</v>
      </c>
      <c r="AB5" s="1" t="s">
        <v>928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4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1666666666666663</v>
      </c>
      <c r="C6" s="1" t="s">
        <v>855</v>
      </c>
      <c r="D6" s="1" t="s">
        <v>85</v>
      </c>
      <c r="E6" s="1" t="s">
        <v>28</v>
      </c>
      <c r="F6" s="1" t="s">
        <v>43</v>
      </c>
      <c r="G6" s="1" t="s">
        <v>43</v>
      </c>
      <c r="H6" s="1" t="s">
        <v>100</v>
      </c>
      <c r="I6" s="1" t="s">
        <v>461</v>
      </c>
      <c r="J6" s="1" t="s">
        <v>207</v>
      </c>
      <c r="K6" s="1" t="s">
        <v>169</v>
      </c>
      <c r="L6" s="1" t="s">
        <v>34</v>
      </c>
      <c r="N6" s="1" t="s">
        <v>35</v>
      </c>
      <c r="O6" s="1" t="s">
        <v>278</v>
      </c>
      <c r="P6" s="1" t="s">
        <v>37</v>
      </c>
      <c r="Q6" s="1" t="s">
        <v>81</v>
      </c>
      <c r="R6" s="1" t="s">
        <v>173</v>
      </c>
      <c r="S6" s="1" t="s">
        <v>584</v>
      </c>
      <c r="T6" s="1" t="s">
        <v>639</v>
      </c>
      <c r="U6" s="1">
        <v>7.5</v>
      </c>
      <c r="V6" s="1"/>
      <c r="W6" s="1"/>
      <c r="X6" s="1">
        <v>5.3</v>
      </c>
      <c r="Y6" s="1">
        <v>0.3</v>
      </c>
      <c r="Z6" s="1"/>
      <c r="AA6" s="1" t="s">
        <v>928</v>
      </c>
      <c r="AB6" s="1" t="s">
        <v>928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37</v>
      </c>
      <c r="BP6" s="1">
        <v>31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87</v>
      </c>
      <c r="B7" s="2">
        <v>0.16666666666666666</v>
      </c>
      <c r="C7" s="1" t="s">
        <v>855</v>
      </c>
      <c r="D7" s="1" t="s">
        <v>164</v>
      </c>
      <c r="E7" s="1" t="s">
        <v>28</v>
      </c>
      <c r="F7" s="1" t="s">
        <v>42</v>
      </c>
      <c r="G7" s="1" t="s">
        <v>42</v>
      </c>
      <c r="H7" s="1" t="s">
        <v>126</v>
      </c>
      <c r="I7" s="1" t="s">
        <v>575</v>
      </c>
      <c r="J7" s="1" t="s">
        <v>45</v>
      </c>
      <c r="K7" s="1" t="s">
        <v>190</v>
      </c>
      <c r="L7" s="1" t="s">
        <v>34</v>
      </c>
      <c r="N7" s="1" t="s">
        <v>35</v>
      </c>
      <c r="O7" s="1" t="s">
        <v>278</v>
      </c>
      <c r="P7" s="1" t="s">
        <v>37</v>
      </c>
      <c r="Q7" s="1" t="s">
        <v>171</v>
      </c>
      <c r="R7" s="1" t="s">
        <v>328</v>
      </c>
      <c r="S7" s="1" t="s">
        <v>338</v>
      </c>
      <c r="T7" s="1" t="s">
        <v>129</v>
      </c>
      <c r="U7" s="1">
        <v>6.9</v>
      </c>
      <c r="V7" s="1"/>
      <c r="W7" s="1"/>
      <c r="X7" s="1"/>
      <c r="Y7" s="1"/>
      <c r="Z7" s="1"/>
      <c r="AA7" s="1" t="s">
        <v>928</v>
      </c>
      <c r="AB7" s="1" t="s">
        <v>928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6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193</v>
      </c>
      <c r="B8" s="2">
        <v>0.41666666666666669</v>
      </c>
      <c r="C8" s="1" t="s">
        <v>855</v>
      </c>
      <c r="D8" s="1" t="s">
        <v>27</v>
      </c>
      <c r="E8" s="1" t="s">
        <v>28</v>
      </c>
      <c r="F8" s="1" t="s">
        <v>222</v>
      </c>
      <c r="G8" s="1" t="s">
        <v>53</v>
      </c>
      <c r="H8" s="1" t="s">
        <v>334</v>
      </c>
      <c r="I8" s="1" t="s">
        <v>532</v>
      </c>
      <c r="J8" s="1" t="s">
        <v>72</v>
      </c>
      <c r="K8" s="1" t="s">
        <v>223</v>
      </c>
      <c r="L8" s="1" t="s">
        <v>34</v>
      </c>
      <c r="N8" s="1" t="s">
        <v>35</v>
      </c>
      <c r="O8" s="1" t="s">
        <v>278</v>
      </c>
      <c r="P8" s="1" t="s">
        <v>37</v>
      </c>
      <c r="Q8" s="1" t="s">
        <v>171</v>
      </c>
      <c r="R8" s="1" t="s">
        <v>146</v>
      </c>
      <c r="S8" s="1" t="s">
        <v>83</v>
      </c>
      <c r="T8" s="1" t="s">
        <v>734</v>
      </c>
      <c r="U8" s="1">
        <v>8.5</v>
      </c>
      <c r="V8" s="4">
        <v>33000</v>
      </c>
      <c r="W8" s="1"/>
      <c r="X8" s="1">
        <v>4.5999999999999996</v>
      </c>
      <c r="Y8" s="1">
        <v>0.28000000000000003</v>
      </c>
      <c r="Z8" s="1">
        <v>1.2E-2</v>
      </c>
      <c r="AA8" s="1" t="s">
        <v>926</v>
      </c>
      <c r="AB8" s="1" t="s">
        <v>966</v>
      </c>
      <c r="AC8" s="1" t="s">
        <v>881</v>
      </c>
      <c r="AD8" s="1" t="s">
        <v>882</v>
      </c>
      <c r="AE8" s="1" t="s">
        <v>883</v>
      </c>
      <c r="AF8" s="1" t="s">
        <v>884</v>
      </c>
      <c r="AG8" s="1" t="s">
        <v>883</v>
      </c>
      <c r="AH8" s="1" t="s">
        <v>883</v>
      </c>
      <c r="AI8" s="1"/>
      <c r="AJ8" s="1"/>
      <c r="AK8" s="1"/>
      <c r="AL8" s="1" t="s">
        <v>888</v>
      </c>
      <c r="AM8" s="1"/>
      <c r="AN8" s="1"/>
      <c r="AO8" s="1"/>
      <c r="AP8" t="s">
        <v>888</v>
      </c>
      <c r="AQ8" s="1"/>
      <c r="AR8" s="1" t="s">
        <v>888</v>
      </c>
      <c r="AS8" s="1" t="s">
        <v>888</v>
      </c>
      <c r="AT8" s="1"/>
      <c r="AU8" s="1"/>
      <c r="AV8" s="1"/>
      <c r="AW8" s="1"/>
      <c r="AX8" s="1"/>
      <c r="AY8" s="1"/>
      <c r="AZ8" s="1"/>
      <c r="BA8" s="1"/>
      <c r="BB8" s="1">
        <v>0.12</v>
      </c>
      <c r="BC8" s="1">
        <v>4.2</v>
      </c>
      <c r="BD8" s="1">
        <v>4.3</v>
      </c>
      <c r="BE8" s="1"/>
      <c r="BF8" s="1"/>
      <c r="BG8" s="1"/>
      <c r="BH8" s="1"/>
      <c r="BI8" s="1"/>
      <c r="BJ8" s="1"/>
      <c r="BK8" s="1"/>
      <c r="BL8" s="1"/>
      <c r="BM8" s="1">
        <v>0.21</v>
      </c>
      <c r="BN8" s="1">
        <v>0.23</v>
      </c>
      <c r="BO8" s="1">
        <v>34</v>
      </c>
      <c r="BP8" s="1">
        <v>21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3333333333333337</v>
      </c>
      <c r="C9" s="1" t="s">
        <v>855</v>
      </c>
      <c r="D9" s="1" t="s">
        <v>27</v>
      </c>
      <c r="E9" s="1" t="s">
        <v>28</v>
      </c>
      <c r="F9" s="1" t="s">
        <v>246</v>
      </c>
      <c r="G9" s="1" t="s">
        <v>246</v>
      </c>
      <c r="H9" s="1" t="s">
        <v>33</v>
      </c>
      <c r="I9" s="1" t="s">
        <v>781</v>
      </c>
      <c r="J9" s="1" t="s">
        <v>47</v>
      </c>
      <c r="K9" s="1" t="s">
        <v>199</v>
      </c>
      <c r="L9" s="1" t="s">
        <v>782</v>
      </c>
      <c r="N9" s="1" t="s">
        <v>728</v>
      </c>
      <c r="O9" s="1" t="s">
        <v>769</v>
      </c>
      <c r="P9" s="1" t="s">
        <v>37</v>
      </c>
      <c r="Q9" s="1" t="s">
        <v>81</v>
      </c>
      <c r="R9" s="1" t="s">
        <v>192</v>
      </c>
      <c r="S9" s="1" t="s">
        <v>529</v>
      </c>
      <c r="T9" s="1" t="s">
        <v>743</v>
      </c>
      <c r="U9" s="1">
        <v>7</v>
      </c>
      <c r="V9" s="1"/>
      <c r="W9" s="1"/>
      <c r="X9" s="1"/>
      <c r="Y9" s="1"/>
      <c r="Z9" s="1"/>
      <c r="AA9" s="1" t="s">
        <v>928</v>
      </c>
      <c r="AB9" s="1" t="s">
        <v>928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6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6527777777777779</v>
      </c>
      <c r="C10" s="1" t="s">
        <v>855</v>
      </c>
      <c r="D10" s="1" t="s">
        <v>85</v>
      </c>
      <c r="E10" s="1" t="s">
        <v>28</v>
      </c>
      <c r="F10" s="1" t="s">
        <v>249</v>
      </c>
      <c r="G10" s="1" t="s">
        <v>202</v>
      </c>
      <c r="H10" s="1" t="s">
        <v>334</v>
      </c>
      <c r="I10" s="1" t="s">
        <v>771</v>
      </c>
      <c r="J10" s="1" t="s">
        <v>45</v>
      </c>
      <c r="K10" s="1" t="s">
        <v>205</v>
      </c>
      <c r="L10" s="1" t="s">
        <v>697</v>
      </c>
      <c r="N10" s="1" t="s">
        <v>35</v>
      </c>
      <c r="O10" s="1" t="s">
        <v>278</v>
      </c>
      <c r="P10" s="1" t="s">
        <v>37</v>
      </c>
      <c r="Q10" s="1" t="s">
        <v>210</v>
      </c>
      <c r="R10" s="1" t="s">
        <v>192</v>
      </c>
      <c r="S10" s="1" t="s">
        <v>445</v>
      </c>
      <c r="T10" s="1" t="s">
        <v>783</v>
      </c>
      <c r="U10" s="1">
        <v>7</v>
      </c>
      <c r="V10" s="1"/>
      <c r="W10" s="1"/>
      <c r="X10" s="1">
        <v>5</v>
      </c>
      <c r="Y10" s="1">
        <v>0.3</v>
      </c>
      <c r="Z10" s="1"/>
      <c r="AA10" s="1" t="s">
        <v>928</v>
      </c>
      <c r="AB10" s="1" t="s">
        <v>928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35</v>
      </c>
      <c r="BP10" s="1">
        <v>26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1</v>
      </c>
      <c r="B11" s="2">
        <v>0.20138888888888887</v>
      </c>
      <c r="C11" s="1" t="s">
        <v>855</v>
      </c>
      <c r="D11" s="1" t="s">
        <v>85</v>
      </c>
      <c r="E11" s="1" t="s">
        <v>28</v>
      </c>
      <c r="F11" s="1" t="s">
        <v>106</v>
      </c>
      <c r="G11" s="1" t="s">
        <v>249</v>
      </c>
      <c r="H11" s="1" t="s">
        <v>150</v>
      </c>
      <c r="I11" s="1" t="s">
        <v>550</v>
      </c>
      <c r="J11" s="1" t="s">
        <v>119</v>
      </c>
      <c r="K11" s="1" t="s">
        <v>200</v>
      </c>
      <c r="L11" s="1" t="s">
        <v>784</v>
      </c>
      <c r="N11" s="1" t="s">
        <v>35</v>
      </c>
      <c r="O11" s="1" t="s">
        <v>278</v>
      </c>
      <c r="P11" s="1" t="s">
        <v>37</v>
      </c>
      <c r="Q11" s="1" t="s">
        <v>171</v>
      </c>
      <c r="R11" s="1" t="s">
        <v>49</v>
      </c>
      <c r="S11" s="1" t="s">
        <v>456</v>
      </c>
      <c r="T11" s="1" t="s">
        <v>434</v>
      </c>
      <c r="U11" s="1">
        <v>7.2</v>
      </c>
      <c r="V11" s="1"/>
      <c r="W11" s="1"/>
      <c r="X11" s="1"/>
      <c r="Y11" s="1"/>
      <c r="Z11" s="1"/>
      <c r="AA11" s="1" t="s">
        <v>928</v>
      </c>
      <c r="AB11" s="1" t="s">
        <v>928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6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69</v>
      </c>
      <c r="B12" s="2">
        <v>0.41666666666666669</v>
      </c>
      <c r="C12" s="1" t="s">
        <v>855</v>
      </c>
      <c r="D12" s="1" t="s">
        <v>85</v>
      </c>
      <c r="E12" s="1" t="s">
        <v>28</v>
      </c>
      <c r="F12" s="1" t="s">
        <v>70</v>
      </c>
      <c r="G12" s="1" t="s">
        <v>246</v>
      </c>
      <c r="H12" s="1" t="s">
        <v>309</v>
      </c>
      <c r="I12" s="1" t="s">
        <v>785</v>
      </c>
      <c r="J12" s="1" t="s">
        <v>63</v>
      </c>
      <c r="K12" s="1" t="s">
        <v>331</v>
      </c>
      <c r="L12" s="1" t="s">
        <v>34</v>
      </c>
      <c r="N12" s="1" t="s">
        <v>35</v>
      </c>
      <c r="O12" s="1" t="s">
        <v>278</v>
      </c>
      <c r="P12" s="1" t="s">
        <v>751</v>
      </c>
      <c r="Q12" s="1" t="s">
        <v>179</v>
      </c>
      <c r="R12" s="1" t="s">
        <v>192</v>
      </c>
      <c r="S12" s="1" t="s">
        <v>67</v>
      </c>
      <c r="T12" s="1" t="s">
        <v>136</v>
      </c>
      <c r="U12" s="1">
        <v>8.1</v>
      </c>
      <c r="V12" s="4">
        <v>33000</v>
      </c>
      <c r="W12" s="1"/>
      <c r="X12" s="1">
        <v>4.5999999999999996</v>
      </c>
      <c r="Y12" s="1">
        <v>0.24</v>
      </c>
      <c r="Z12" s="1">
        <v>1.0999999999999999E-2</v>
      </c>
      <c r="AA12" s="1" t="s">
        <v>926</v>
      </c>
      <c r="AB12" s="1" t="s">
        <v>934</v>
      </c>
      <c r="AC12" s="1" t="s">
        <v>881</v>
      </c>
      <c r="AD12" s="1" t="s">
        <v>882</v>
      </c>
      <c r="AE12" s="1" t="s">
        <v>883</v>
      </c>
      <c r="AF12" s="1" t="s">
        <v>884</v>
      </c>
      <c r="AG12" s="1" t="s">
        <v>883</v>
      </c>
      <c r="AH12" s="1" t="s">
        <v>883</v>
      </c>
      <c r="AI12" s="1"/>
      <c r="AJ12" s="1"/>
      <c r="AK12" s="1"/>
      <c r="AL12" s="1" t="s">
        <v>888</v>
      </c>
      <c r="AM12" s="1"/>
      <c r="AN12" s="1"/>
      <c r="AO12" s="1"/>
      <c r="AP12" t="s">
        <v>888</v>
      </c>
      <c r="AQ12" s="1"/>
      <c r="AR12" s="1" t="s">
        <v>888</v>
      </c>
      <c r="AS12" s="1" t="s">
        <v>888</v>
      </c>
      <c r="AT12" s="1"/>
      <c r="AU12" s="1"/>
      <c r="AV12" s="1"/>
      <c r="AW12" s="1"/>
      <c r="AX12" s="1"/>
      <c r="AY12" s="1"/>
      <c r="AZ12" s="1" t="s">
        <v>893</v>
      </c>
      <c r="BA12" s="1">
        <v>2.1999999999999999E-2</v>
      </c>
      <c r="BB12" s="1">
        <v>0.19</v>
      </c>
      <c r="BC12" s="1">
        <v>4</v>
      </c>
      <c r="BD12" s="1">
        <v>4.0999999999999996</v>
      </c>
      <c r="BE12" s="1"/>
      <c r="BF12" s="1" t="s">
        <v>885</v>
      </c>
      <c r="BG12" s="1">
        <v>3.3E-3</v>
      </c>
      <c r="BH12" s="1" t="s">
        <v>884</v>
      </c>
      <c r="BI12" s="1" t="s">
        <v>882</v>
      </c>
      <c r="BJ12" s="1"/>
      <c r="BK12" s="1"/>
      <c r="BL12" s="1"/>
      <c r="BM12" s="1" t="s">
        <v>900</v>
      </c>
      <c r="BN12" s="1">
        <v>0.19</v>
      </c>
      <c r="BO12" s="1">
        <v>36</v>
      </c>
      <c r="BP12" s="1">
        <v>24</v>
      </c>
      <c r="BQ12" s="1"/>
      <c r="BR12" s="1" t="s">
        <v>90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6666666666666663</v>
      </c>
      <c r="C13" s="1" t="s">
        <v>855</v>
      </c>
      <c r="D13" s="1" t="s">
        <v>85</v>
      </c>
      <c r="E13" s="1" t="s">
        <v>28</v>
      </c>
      <c r="F13" s="1" t="s">
        <v>70</v>
      </c>
      <c r="G13" s="1" t="s">
        <v>194</v>
      </c>
      <c r="H13" s="1" t="s">
        <v>126</v>
      </c>
      <c r="I13" s="1" t="s">
        <v>561</v>
      </c>
      <c r="J13" s="1" t="s">
        <v>150</v>
      </c>
      <c r="K13" s="1" t="s">
        <v>326</v>
      </c>
      <c r="L13" s="1" t="s">
        <v>290</v>
      </c>
      <c r="N13" s="1" t="s">
        <v>35</v>
      </c>
      <c r="O13" s="1" t="s">
        <v>278</v>
      </c>
      <c r="P13" s="1" t="s">
        <v>751</v>
      </c>
      <c r="Q13" s="1" t="s">
        <v>411</v>
      </c>
      <c r="R13" s="1" t="s">
        <v>146</v>
      </c>
      <c r="S13" s="1" t="s">
        <v>584</v>
      </c>
      <c r="T13" s="1" t="s">
        <v>639</v>
      </c>
      <c r="U13" s="1">
        <v>8.1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9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1666666666666663</v>
      </c>
      <c r="C14" s="1" t="s">
        <v>855</v>
      </c>
      <c r="D14" s="1" t="s">
        <v>85</v>
      </c>
      <c r="E14" s="1" t="s">
        <v>28</v>
      </c>
      <c r="F14" s="1" t="s">
        <v>92</v>
      </c>
      <c r="G14" s="1" t="s">
        <v>106</v>
      </c>
      <c r="H14" s="1" t="s">
        <v>80</v>
      </c>
      <c r="I14" s="1" t="s">
        <v>755</v>
      </c>
      <c r="J14" s="1" t="s">
        <v>44</v>
      </c>
      <c r="K14" s="1" t="s">
        <v>254</v>
      </c>
      <c r="L14" s="1" t="s">
        <v>290</v>
      </c>
      <c r="N14" s="1" t="s">
        <v>35</v>
      </c>
      <c r="O14" s="1" t="s">
        <v>278</v>
      </c>
      <c r="P14" s="1" t="s">
        <v>37</v>
      </c>
      <c r="Q14" s="1" t="s">
        <v>210</v>
      </c>
      <c r="R14" s="1" t="s">
        <v>180</v>
      </c>
      <c r="S14" s="1" t="s">
        <v>67</v>
      </c>
      <c r="T14" s="1" t="s">
        <v>136</v>
      </c>
      <c r="U14" s="1">
        <v>7.1</v>
      </c>
      <c r="V14" s="1"/>
      <c r="W14" s="1"/>
      <c r="X14" s="1">
        <v>4.9000000000000004</v>
      </c>
      <c r="Y14" s="1">
        <v>0.27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37</v>
      </c>
      <c r="BP14" s="1">
        <v>24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503</v>
      </c>
      <c r="B15" s="2">
        <v>0.16666666666666666</v>
      </c>
      <c r="C15" s="1" t="s">
        <v>855</v>
      </c>
      <c r="D15" s="1" t="s">
        <v>27</v>
      </c>
      <c r="E15" s="1" t="s">
        <v>28</v>
      </c>
      <c r="F15" s="1" t="s">
        <v>106</v>
      </c>
      <c r="G15" s="1" t="s">
        <v>202</v>
      </c>
      <c r="H15" s="1" t="s">
        <v>150</v>
      </c>
      <c r="I15" s="1" t="s">
        <v>406</v>
      </c>
      <c r="J15" s="1" t="s">
        <v>47</v>
      </c>
      <c r="K15" s="1" t="s">
        <v>248</v>
      </c>
      <c r="L15" s="1" t="s">
        <v>290</v>
      </c>
      <c r="N15" s="1" t="s">
        <v>35</v>
      </c>
      <c r="O15" s="1" t="s">
        <v>278</v>
      </c>
      <c r="P15" s="1" t="s">
        <v>37</v>
      </c>
      <c r="Q15" s="1" t="s">
        <v>171</v>
      </c>
      <c r="R15" s="1" t="s">
        <v>115</v>
      </c>
      <c r="S15" s="1" t="s">
        <v>279</v>
      </c>
      <c r="T15" s="1" t="s">
        <v>638</v>
      </c>
      <c r="U15" s="1">
        <v>6.2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8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4</v>
      </c>
      <c r="B16" s="2">
        <v>0.39583333333333331</v>
      </c>
      <c r="C16" s="1" t="s">
        <v>855</v>
      </c>
      <c r="D16" s="1" t="s">
        <v>85</v>
      </c>
      <c r="E16" s="1" t="s">
        <v>28</v>
      </c>
      <c r="F16" s="1" t="s">
        <v>507</v>
      </c>
      <c r="G16" s="1" t="s">
        <v>211</v>
      </c>
      <c r="H16" s="1" t="s">
        <v>126</v>
      </c>
      <c r="I16" s="1" t="s">
        <v>786</v>
      </c>
      <c r="J16" s="1" t="s">
        <v>207</v>
      </c>
      <c r="K16" s="1" t="s">
        <v>177</v>
      </c>
      <c r="L16" s="1" t="s">
        <v>34</v>
      </c>
      <c r="N16" s="1" t="s">
        <v>35</v>
      </c>
      <c r="O16" s="1" t="s">
        <v>278</v>
      </c>
      <c r="P16" s="1" t="s">
        <v>37</v>
      </c>
      <c r="Q16" s="1" t="s">
        <v>210</v>
      </c>
      <c r="R16" s="1" t="s">
        <v>196</v>
      </c>
      <c r="S16" s="1" t="s">
        <v>91</v>
      </c>
      <c r="T16" s="1" t="s">
        <v>68</v>
      </c>
      <c r="U16" s="1">
        <v>7.3</v>
      </c>
      <c r="V16" s="4">
        <v>11000</v>
      </c>
      <c r="W16" s="1"/>
      <c r="X16" s="1">
        <v>6.2</v>
      </c>
      <c r="Y16" s="1">
        <v>0.27</v>
      </c>
      <c r="Z16" s="1">
        <v>0.01</v>
      </c>
      <c r="AA16" s="1" t="s">
        <v>926</v>
      </c>
      <c r="AB16" s="1" t="s">
        <v>965</v>
      </c>
      <c r="AC16" s="1" t="s">
        <v>881</v>
      </c>
      <c r="AD16" s="1" t="s">
        <v>882</v>
      </c>
      <c r="AE16" s="1" t="s">
        <v>883</v>
      </c>
      <c r="AF16" s="1" t="s">
        <v>884</v>
      </c>
      <c r="AG16" s="1" t="s">
        <v>883</v>
      </c>
      <c r="AH16" s="1" t="s">
        <v>883</v>
      </c>
      <c r="AI16" s="1"/>
      <c r="AJ16" s="1"/>
      <c r="AK16" s="1"/>
      <c r="AL16" s="1" t="s">
        <v>888</v>
      </c>
      <c r="AM16" s="1"/>
      <c r="AN16" s="1"/>
      <c r="AO16" s="1"/>
      <c r="AP16" t="s">
        <v>888</v>
      </c>
      <c r="AQ16" s="1"/>
      <c r="AR16" s="1" t="s">
        <v>888</v>
      </c>
      <c r="AS16" s="1" t="s">
        <v>888</v>
      </c>
      <c r="AT16" s="1"/>
      <c r="AU16" s="1" t="s">
        <v>883</v>
      </c>
      <c r="AV16" s="1" t="s">
        <v>881</v>
      </c>
      <c r="AW16" s="1" t="s">
        <v>883</v>
      </c>
      <c r="AX16" s="1"/>
      <c r="AY16" s="1"/>
      <c r="AZ16" s="1"/>
      <c r="BA16" s="1"/>
      <c r="BB16" s="1">
        <v>0.25</v>
      </c>
      <c r="BC16" s="1">
        <v>4.0999999999999996</v>
      </c>
      <c r="BD16" s="1">
        <v>4.3</v>
      </c>
      <c r="BE16" s="1"/>
      <c r="BF16" s="1"/>
      <c r="BG16" s="1"/>
      <c r="BH16" s="1"/>
      <c r="BI16" s="1"/>
      <c r="BJ16" s="1"/>
      <c r="BK16" s="1" t="s">
        <v>903</v>
      </c>
      <c r="BL16" s="1"/>
      <c r="BM16" s="1" t="s">
        <v>900</v>
      </c>
      <c r="BN16" s="1">
        <v>0.23</v>
      </c>
      <c r="BO16" s="1">
        <v>41</v>
      </c>
      <c r="BP16" s="1">
        <v>30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5972222222222221</v>
      </c>
      <c r="C17" s="1" t="s">
        <v>855</v>
      </c>
      <c r="D17" s="1" t="s">
        <v>85</v>
      </c>
      <c r="E17" s="1" t="s">
        <v>28</v>
      </c>
      <c r="F17" s="1" t="s">
        <v>514</v>
      </c>
      <c r="G17" s="1" t="s">
        <v>514</v>
      </c>
      <c r="H17" s="1" t="s">
        <v>309</v>
      </c>
      <c r="I17" s="1" t="s">
        <v>787</v>
      </c>
      <c r="J17" s="1" t="s">
        <v>72</v>
      </c>
      <c r="K17" s="1" t="s">
        <v>265</v>
      </c>
      <c r="L17" s="1" t="s">
        <v>34</v>
      </c>
      <c r="N17" s="1" t="s">
        <v>35</v>
      </c>
      <c r="O17" s="1" t="s">
        <v>278</v>
      </c>
      <c r="P17" s="1" t="s">
        <v>37</v>
      </c>
      <c r="Q17" s="1" t="s">
        <v>140</v>
      </c>
      <c r="R17" s="1" t="s">
        <v>82</v>
      </c>
      <c r="S17" s="1" t="s">
        <v>584</v>
      </c>
      <c r="T17" s="1" t="s">
        <v>41</v>
      </c>
      <c r="U17" s="1">
        <v>7.6</v>
      </c>
      <c r="V17" s="1"/>
      <c r="W17" s="1"/>
      <c r="X17" s="1"/>
      <c r="Y17" s="1"/>
      <c r="Z17" s="1"/>
      <c r="AA17" s="1" t="s">
        <v>928</v>
      </c>
      <c r="AB17" s="1" t="s">
        <v>928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9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0277777777777779</v>
      </c>
      <c r="C18" s="1" t="s">
        <v>855</v>
      </c>
      <c r="D18" s="1" t="s">
        <v>85</v>
      </c>
      <c r="E18" s="1" t="s">
        <v>28</v>
      </c>
      <c r="F18" s="1" t="s">
        <v>354</v>
      </c>
      <c r="G18" s="1" t="s">
        <v>211</v>
      </c>
      <c r="H18" s="1" t="s">
        <v>139</v>
      </c>
      <c r="I18" s="1" t="s">
        <v>788</v>
      </c>
      <c r="J18" s="1" t="s">
        <v>160</v>
      </c>
      <c r="K18" s="1" t="s">
        <v>642</v>
      </c>
      <c r="L18" s="1" t="s">
        <v>34</v>
      </c>
      <c r="N18" s="1" t="s">
        <v>35</v>
      </c>
      <c r="O18" s="1" t="s">
        <v>278</v>
      </c>
      <c r="P18" s="1" t="s">
        <v>37</v>
      </c>
      <c r="Q18" s="1" t="s">
        <v>81</v>
      </c>
      <c r="R18" s="1" t="s">
        <v>39</v>
      </c>
      <c r="S18" s="1" t="s">
        <v>135</v>
      </c>
      <c r="T18" s="1" t="s">
        <v>41</v>
      </c>
      <c r="U18" s="1">
        <v>6.8</v>
      </c>
      <c r="V18" s="1"/>
      <c r="W18" s="1"/>
      <c r="X18" s="1">
        <v>5</v>
      </c>
      <c r="Y18" s="1">
        <v>0.27</v>
      </c>
      <c r="Z18" s="1"/>
      <c r="AA18" s="1" t="s">
        <v>928</v>
      </c>
      <c r="AB18" s="1" t="s">
        <v>928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38</v>
      </c>
      <c r="BP18" s="1">
        <v>28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27</v>
      </c>
      <c r="B19" s="2">
        <v>0.15972222222222224</v>
      </c>
      <c r="C19" s="1" t="s">
        <v>855</v>
      </c>
      <c r="D19" s="1" t="s">
        <v>85</v>
      </c>
      <c r="E19" s="1" t="s">
        <v>28</v>
      </c>
      <c r="F19" s="1" t="s">
        <v>354</v>
      </c>
      <c r="G19" s="1" t="s">
        <v>70</v>
      </c>
      <c r="H19" s="1" t="s">
        <v>224</v>
      </c>
      <c r="I19" s="1" t="s">
        <v>789</v>
      </c>
      <c r="J19" s="1" t="s">
        <v>160</v>
      </c>
      <c r="K19" s="1" t="s">
        <v>468</v>
      </c>
      <c r="L19" s="1" t="s">
        <v>34</v>
      </c>
      <c r="N19" s="1" t="s">
        <v>35</v>
      </c>
      <c r="O19" s="1" t="s">
        <v>278</v>
      </c>
      <c r="P19" s="1" t="s">
        <v>37</v>
      </c>
      <c r="Q19" s="1" t="s">
        <v>171</v>
      </c>
      <c r="R19" s="1" t="s">
        <v>115</v>
      </c>
      <c r="S19" s="1" t="s">
        <v>376</v>
      </c>
      <c r="T19" s="1" t="s">
        <v>68</v>
      </c>
      <c r="U19" s="1">
        <v>5.7</v>
      </c>
      <c r="V19" s="1"/>
      <c r="W19" s="1"/>
      <c r="X19" s="1"/>
      <c r="Y19" s="1"/>
      <c r="Z19" s="1"/>
      <c r="AA19" s="1" t="s">
        <v>928</v>
      </c>
      <c r="AB19" s="1" t="s">
        <v>928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8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97</v>
      </c>
      <c r="B20" s="2">
        <v>0.41666666666666669</v>
      </c>
      <c r="C20" s="1" t="s">
        <v>855</v>
      </c>
      <c r="D20" s="1" t="s">
        <v>27</v>
      </c>
      <c r="E20" s="1" t="s">
        <v>28</v>
      </c>
      <c r="F20" s="1" t="s">
        <v>232</v>
      </c>
      <c r="G20" s="1" t="s">
        <v>222</v>
      </c>
      <c r="H20" s="1" t="s">
        <v>345</v>
      </c>
      <c r="I20" s="1" t="s">
        <v>377</v>
      </c>
      <c r="J20" s="1" t="s">
        <v>72</v>
      </c>
      <c r="K20" s="1" t="s">
        <v>223</v>
      </c>
      <c r="L20" s="1" t="s">
        <v>34</v>
      </c>
      <c r="N20" s="1" t="s">
        <v>35</v>
      </c>
      <c r="O20" s="1" t="s">
        <v>278</v>
      </c>
      <c r="P20" s="1" t="s">
        <v>37</v>
      </c>
      <c r="Q20" s="1" t="s">
        <v>210</v>
      </c>
      <c r="R20" s="1" t="s">
        <v>104</v>
      </c>
      <c r="S20" s="1" t="s">
        <v>76</v>
      </c>
      <c r="T20" s="1" t="s">
        <v>41</v>
      </c>
      <c r="U20" s="1">
        <v>7.8</v>
      </c>
      <c r="V20" s="4">
        <v>7900</v>
      </c>
      <c r="W20" s="1" t="s">
        <v>887</v>
      </c>
      <c r="X20" s="1">
        <v>4.2</v>
      </c>
      <c r="Y20" s="1">
        <v>0.27</v>
      </c>
      <c r="Z20" s="1">
        <v>1.2999999999999999E-2</v>
      </c>
      <c r="AA20" s="1" t="s">
        <v>926</v>
      </c>
      <c r="AB20" s="1" t="s">
        <v>954</v>
      </c>
      <c r="AC20" s="1" t="s">
        <v>881</v>
      </c>
      <c r="AD20" s="1" t="s">
        <v>882</v>
      </c>
      <c r="AE20" s="1" t="s">
        <v>883</v>
      </c>
      <c r="AF20" s="1" t="s">
        <v>884</v>
      </c>
      <c r="AG20" s="1" t="s">
        <v>883</v>
      </c>
      <c r="AH20" s="1" t="s">
        <v>883</v>
      </c>
      <c r="AI20" s="1"/>
      <c r="AJ20" s="1" t="s">
        <v>883</v>
      </c>
      <c r="AK20" s="1" t="s">
        <v>888</v>
      </c>
      <c r="AL20" s="1" t="s">
        <v>888</v>
      </c>
      <c r="AM20" s="1" t="s">
        <v>888</v>
      </c>
      <c r="AN20" s="1" t="s">
        <v>888</v>
      </c>
      <c r="AO20" s="1" t="s">
        <v>888</v>
      </c>
      <c r="AP20" t="s">
        <v>888</v>
      </c>
      <c r="AQ20" s="1" t="s">
        <v>888</v>
      </c>
      <c r="AR20" s="1" t="s">
        <v>888</v>
      </c>
      <c r="AS20" s="1" t="s">
        <v>888</v>
      </c>
      <c r="AT20" s="1" t="s">
        <v>896</v>
      </c>
      <c r="AU20" s="1"/>
      <c r="AV20" s="1"/>
      <c r="AW20" s="1"/>
      <c r="AX20" s="1" t="s">
        <v>888</v>
      </c>
      <c r="AY20" s="1" t="s">
        <v>883</v>
      </c>
      <c r="AZ20" s="1" t="s">
        <v>893</v>
      </c>
      <c r="BA20" s="1">
        <v>2.3E-2</v>
      </c>
      <c r="BB20" s="1">
        <v>0.12</v>
      </c>
      <c r="BC20" s="1">
        <v>4</v>
      </c>
      <c r="BD20" s="1">
        <v>4.0999999999999996</v>
      </c>
      <c r="BE20" s="1" t="s">
        <v>885</v>
      </c>
      <c r="BF20" s="1" t="s">
        <v>885</v>
      </c>
      <c r="BG20" s="1">
        <v>2.5000000000000001E-2</v>
      </c>
      <c r="BH20" s="1" t="s">
        <v>884</v>
      </c>
      <c r="BI20" s="1" t="s">
        <v>882</v>
      </c>
      <c r="BJ20" s="1" t="s">
        <v>884</v>
      </c>
      <c r="BK20" s="1"/>
      <c r="BL20" s="1">
        <v>7.0000000000000001E-3</v>
      </c>
      <c r="BM20" s="1">
        <v>0.04</v>
      </c>
      <c r="BN20" s="1">
        <v>0.24</v>
      </c>
      <c r="BO20" s="1">
        <v>39</v>
      </c>
      <c r="BP20" s="1">
        <v>24</v>
      </c>
      <c r="BQ20" s="1"/>
      <c r="BR20" s="1" t="s">
        <v>90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6666666666666663</v>
      </c>
      <c r="C21" s="1" t="s">
        <v>855</v>
      </c>
      <c r="D21" s="1" t="s">
        <v>27</v>
      </c>
      <c r="E21" s="1" t="s">
        <v>28</v>
      </c>
      <c r="F21" s="1" t="s">
        <v>505</v>
      </c>
      <c r="G21" s="1" t="s">
        <v>233</v>
      </c>
      <c r="H21" s="1" t="s">
        <v>280</v>
      </c>
      <c r="I21" s="1" t="s">
        <v>327</v>
      </c>
      <c r="J21" s="1" t="s">
        <v>44</v>
      </c>
      <c r="K21" s="1" t="s">
        <v>334</v>
      </c>
      <c r="L21" s="1" t="s">
        <v>34</v>
      </c>
      <c r="N21" s="1" t="s">
        <v>35</v>
      </c>
      <c r="O21" s="1" t="s">
        <v>278</v>
      </c>
      <c r="P21" s="1" t="s">
        <v>37</v>
      </c>
      <c r="Q21" s="1" t="s">
        <v>161</v>
      </c>
      <c r="R21" s="1" t="s">
        <v>245</v>
      </c>
      <c r="S21" s="1" t="s">
        <v>59</v>
      </c>
      <c r="T21" s="1" t="s">
        <v>68</v>
      </c>
      <c r="U21" s="1">
        <v>7.4</v>
      </c>
      <c r="V21" s="1"/>
      <c r="W21" s="1"/>
      <c r="X21" s="1"/>
      <c r="Y21" s="1"/>
      <c r="Z21" s="1"/>
      <c r="AA21" s="1" t="s">
        <v>928</v>
      </c>
      <c r="AB21" s="1" t="s">
        <v>928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7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1666666666666663</v>
      </c>
      <c r="C22" s="1" t="s">
        <v>855</v>
      </c>
      <c r="D22" s="1" t="s">
        <v>27</v>
      </c>
      <c r="E22" s="1" t="s">
        <v>28</v>
      </c>
      <c r="F22" s="1" t="s">
        <v>505</v>
      </c>
      <c r="G22" s="1" t="s">
        <v>230</v>
      </c>
      <c r="H22" s="1" t="s">
        <v>207</v>
      </c>
      <c r="I22" s="1" t="s">
        <v>441</v>
      </c>
      <c r="J22" s="1" t="s">
        <v>72</v>
      </c>
      <c r="K22" s="1" t="s">
        <v>223</v>
      </c>
      <c r="L22" s="1" t="s">
        <v>34</v>
      </c>
      <c r="N22" s="1" t="s">
        <v>35</v>
      </c>
      <c r="O22" s="1" t="s">
        <v>278</v>
      </c>
      <c r="P22" s="1" t="s">
        <v>37</v>
      </c>
      <c r="Q22" s="1" t="s">
        <v>210</v>
      </c>
      <c r="R22" s="1" t="s">
        <v>245</v>
      </c>
      <c r="S22" s="1" t="s">
        <v>83</v>
      </c>
      <c r="T22" s="1" t="s">
        <v>60</v>
      </c>
      <c r="U22" s="1">
        <v>6.6</v>
      </c>
      <c r="V22" s="1"/>
      <c r="W22" s="1"/>
      <c r="X22" s="1">
        <v>4.8</v>
      </c>
      <c r="Y22" s="1">
        <v>0.21</v>
      </c>
      <c r="Z22" s="1"/>
      <c r="AA22" s="1" t="s">
        <v>928</v>
      </c>
      <c r="AB22" s="1" t="s">
        <v>928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39</v>
      </c>
      <c r="BP22" s="1">
        <v>26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38</v>
      </c>
      <c r="B23" s="2">
        <v>0.16666666666666666</v>
      </c>
      <c r="C23" s="1" t="s">
        <v>855</v>
      </c>
      <c r="D23" s="1" t="s">
        <v>27</v>
      </c>
      <c r="E23" s="1" t="s">
        <v>28</v>
      </c>
      <c r="F23" s="1" t="s">
        <v>222</v>
      </c>
      <c r="G23" s="1" t="s">
        <v>222</v>
      </c>
      <c r="H23" s="1" t="s">
        <v>224</v>
      </c>
      <c r="I23" s="1" t="s">
        <v>554</v>
      </c>
      <c r="J23" s="1" t="s">
        <v>72</v>
      </c>
      <c r="K23" s="1" t="s">
        <v>189</v>
      </c>
      <c r="L23" s="1" t="s">
        <v>34</v>
      </c>
      <c r="N23" s="1" t="s">
        <v>35</v>
      </c>
      <c r="O23" s="1" t="s">
        <v>278</v>
      </c>
      <c r="P23" s="1" t="s">
        <v>37</v>
      </c>
      <c r="Q23" s="1" t="s">
        <v>210</v>
      </c>
      <c r="R23" s="1" t="s">
        <v>104</v>
      </c>
      <c r="S23" s="1" t="s">
        <v>50</v>
      </c>
      <c r="T23" s="1" t="s">
        <v>174</v>
      </c>
      <c r="U23" s="1">
        <v>5.5</v>
      </c>
      <c r="V23" s="1"/>
      <c r="W23" s="1"/>
      <c r="X23" s="1"/>
      <c r="Y23" s="1"/>
      <c r="Z23" s="1"/>
      <c r="AA23" s="1" t="s">
        <v>928</v>
      </c>
      <c r="AB23" s="1" t="s">
        <v>928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0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1</v>
      </c>
      <c r="B24" s="2">
        <v>0.41666666666666669</v>
      </c>
      <c r="C24" s="1" t="s">
        <v>855</v>
      </c>
      <c r="D24" s="1" t="s">
        <v>27</v>
      </c>
      <c r="E24" s="1" t="s">
        <v>28</v>
      </c>
      <c r="F24" s="1" t="s">
        <v>92</v>
      </c>
      <c r="G24" s="1" t="s">
        <v>106</v>
      </c>
      <c r="H24" s="1" t="s">
        <v>100</v>
      </c>
      <c r="I24" s="1" t="s">
        <v>363</v>
      </c>
      <c r="J24" s="1" t="s">
        <v>72</v>
      </c>
      <c r="K24" s="1" t="s">
        <v>189</v>
      </c>
      <c r="L24" s="1" t="s">
        <v>34</v>
      </c>
      <c r="N24" s="1" t="s">
        <v>35</v>
      </c>
      <c r="O24" s="1" t="s">
        <v>278</v>
      </c>
      <c r="P24" s="1" t="s">
        <v>37</v>
      </c>
      <c r="Q24" s="1" t="s">
        <v>210</v>
      </c>
      <c r="R24" s="1" t="s">
        <v>146</v>
      </c>
      <c r="S24" s="1" t="s">
        <v>76</v>
      </c>
      <c r="T24" s="1" t="s">
        <v>60</v>
      </c>
      <c r="U24" s="1">
        <v>7.9</v>
      </c>
      <c r="V24" s="4">
        <v>14000</v>
      </c>
      <c r="W24" s="1"/>
      <c r="X24" s="1">
        <v>4.4000000000000004</v>
      </c>
      <c r="Y24" s="1">
        <v>0.31</v>
      </c>
      <c r="Z24" s="1">
        <v>6.8000000000000005E-2</v>
      </c>
      <c r="AA24" s="1" t="s">
        <v>926</v>
      </c>
      <c r="AB24" s="1" t="s">
        <v>942</v>
      </c>
      <c r="AC24" s="1" t="s">
        <v>881</v>
      </c>
      <c r="AD24" s="1" t="s">
        <v>882</v>
      </c>
      <c r="AE24" s="1" t="s">
        <v>883</v>
      </c>
      <c r="AF24" s="1" t="s">
        <v>884</v>
      </c>
      <c r="AG24" s="1" t="s">
        <v>883</v>
      </c>
      <c r="AH24" s="1" t="s">
        <v>883</v>
      </c>
      <c r="AI24" s="1"/>
      <c r="AJ24" s="1"/>
      <c r="AK24" s="1"/>
      <c r="AL24" s="1" t="s">
        <v>888</v>
      </c>
      <c r="AM24" s="1"/>
      <c r="AN24" s="1"/>
      <c r="AO24" s="1"/>
      <c r="AP24" t="s">
        <v>888</v>
      </c>
      <c r="AQ24" s="1"/>
      <c r="AR24" s="1" t="s">
        <v>888</v>
      </c>
      <c r="AS24" s="1" t="s">
        <v>888</v>
      </c>
      <c r="AT24" s="1"/>
      <c r="AU24" s="1"/>
      <c r="AV24" s="1"/>
      <c r="AW24" s="1"/>
      <c r="AX24" s="1"/>
      <c r="AY24" s="1"/>
      <c r="AZ24" s="1"/>
      <c r="BA24" s="1"/>
      <c r="BB24" s="1">
        <v>0.12</v>
      </c>
      <c r="BC24" s="1">
        <v>4.2</v>
      </c>
      <c r="BD24" s="1">
        <v>4.3</v>
      </c>
      <c r="BE24" s="1"/>
      <c r="BF24" s="1"/>
      <c r="BG24" s="1"/>
      <c r="BH24" s="1"/>
      <c r="BI24" s="1"/>
      <c r="BJ24" s="1"/>
      <c r="BK24" s="1"/>
      <c r="BL24" s="1"/>
      <c r="BM24" s="1">
        <v>0.06</v>
      </c>
      <c r="BN24" s="1">
        <v>0.28000000000000003</v>
      </c>
      <c r="BO24" s="1">
        <v>33</v>
      </c>
      <c r="BP24" s="1">
        <v>27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6666666666666663</v>
      </c>
      <c r="C25" s="1" t="s">
        <v>855</v>
      </c>
      <c r="D25" s="1" t="s">
        <v>85</v>
      </c>
      <c r="E25" s="1" t="s">
        <v>28</v>
      </c>
      <c r="F25" s="1" t="s">
        <v>92</v>
      </c>
      <c r="G25" s="1" t="s">
        <v>246</v>
      </c>
      <c r="H25" s="1" t="s">
        <v>45</v>
      </c>
      <c r="I25" s="1" t="s">
        <v>486</v>
      </c>
      <c r="J25" s="1" t="s">
        <v>160</v>
      </c>
      <c r="K25" s="1" t="s">
        <v>178</v>
      </c>
      <c r="L25" s="1" t="s">
        <v>34</v>
      </c>
      <c r="N25" s="1" t="s">
        <v>35</v>
      </c>
      <c r="O25" s="1" t="s">
        <v>278</v>
      </c>
      <c r="P25" s="1" t="s">
        <v>37</v>
      </c>
      <c r="Q25" s="1" t="s">
        <v>81</v>
      </c>
      <c r="R25" s="1" t="s">
        <v>82</v>
      </c>
      <c r="S25" s="1" t="s">
        <v>83</v>
      </c>
      <c r="T25" s="1" t="s">
        <v>41</v>
      </c>
      <c r="U25" s="1">
        <v>8.1999999999999993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6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1666666666666663</v>
      </c>
      <c r="C26" s="1" t="s">
        <v>855</v>
      </c>
      <c r="D26" s="1" t="s">
        <v>85</v>
      </c>
      <c r="E26" s="1" t="s">
        <v>28</v>
      </c>
      <c r="F26" s="1" t="s">
        <v>106</v>
      </c>
      <c r="G26" s="1" t="s">
        <v>53</v>
      </c>
      <c r="H26" s="1" t="s">
        <v>309</v>
      </c>
      <c r="I26" s="1" t="s">
        <v>748</v>
      </c>
      <c r="J26" s="1" t="s">
        <v>207</v>
      </c>
      <c r="K26" s="1" t="s">
        <v>234</v>
      </c>
      <c r="L26" s="1" t="s">
        <v>34</v>
      </c>
      <c r="N26" s="1" t="s">
        <v>35</v>
      </c>
      <c r="O26" s="1" t="s">
        <v>278</v>
      </c>
      <c r="P26" s="1" t="s">
        <v>37</v>
      </c>
      <c r="Q26" s="1" t="s">
        <v>171</v>
      </c>
      <c r="R26" s="1" t="s">
        <v>49</v>
      </c>
      <c r="S26" s="1" t="s">
        <v>444</v>
      </c>
      <c r="T26" s="1" t="s">
        <v>60</v>
      </c>
      <c r="U26" s="1">
        <v>6.8</v>
      </c>
      <c r="V26" s="1"/>
      <c r="W26" s="1"/>
      <c r="X26" s="1">
        <v>4.7</v>
      </c>
      <c r="Y26" s="1">
        <v>0.26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36</v>
      </c>
      <c r="BP26" s="1">
        <v>27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252</v>
      </c>
      <c r="B27" s="2">
        <v>0.16666666666666666</v>
      </c>
      <c r="C27" s="1" t="s">
        <v>855</v>
      </c>
      <c r="D27" s="1" t="s">
        <v>27</v>
      </c>
      <c r="E27" s="1" t="s">
        <v>28</v>
      </c>
      <c r="F27" s="1" t="s">
        <v>249</v>
      </c>
      <c r="G27" s="1" t="s">
        <v>250</v>
      </c>
      <c r="H27" s="1" t="s">
        <v>94</v>
      </c>
      <c r="I27" s="1" t="s">
        <v>790</v>
      </c>
      <c r="J27" s="1" t="s">
        <v>32</v>
      </c>
      <c r="K27" s="1" t="s">
        <v>74</v>
      </c>
      <c r="L27" s="1" t="s">
        <v>34</v>
      </c>
      <c r="N27" s="1" t="s">
        <v>35</v>
      </c>
      <c r="O27" s="1" t="s">
        <v>278</v>
      </c>
      <c r="P27" s="1" t="s">
        <v>37</v>
      </c>
      <c r="Q27" s="1" t="s">
        <v>171</v>
      </c>
      <c r="R27" s="1" t="s">
        <v>303</v>
      </c>
      <c r="S27" s="1" t="s">
        <v>76</v>
      </c>
      <c r="T27" s="1" t="s">
        <v>60</v>
      </c>
      <c r="U27" s="1">
        <v>6.6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8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56</v>
      </c>
      <c r="B28" s="2">
        <v>0.41666666666666669</v>
      </c>
      <c r="C28" s="1" t="s">
        <v>855</v>
      </c>
      <c r="D28" s="1" t="s">
        <v>85</v>
      </c>
      <c r="E28" s="1" t="s">
        <v>28</v>
      </c>
      <c r="F28" s="1" t="s">
        <v>70</v>
      </c>
      <c r="G28" s="1" t="s">
        <v>250</v>
      </c>
      <c r="H28" s="1" t="s">
        <v>254</v>
      </c>
      <c r="I28" s="1" t="s">
        <v>656</v>
      </c>
      <c r="J28" s="1" t="s">
        <v>207</v>
      </c>
      <c r="K28" s="1" t="s">
        <v>177</v>
      </c>
      <c r="L28" s="1" t="s">
        <v>34</v>
      </c>
      <c r="N28" s="1" t="s">
        <v>35</v>
      </c>
      <c r="O28" s="1" t="s">
        <v>278</v>
      </c>
      <c r="P28" s="1" t="s">
        <v>37</v>
      </c>
      <c r="Q28" s="1" t="s">
        <v>171</v>
      </c>
      <c r="R28" s="1" t="s">
        <v>104</v>
      </c>
      <c r="S28" s="1" t="s">
        <v>149</v>
      </c>
      <c r="T28" s="1" t="s">
        <v>60</v>
      </c>
      <c r="U28" s="1">
        <v>8</v>
      </c>
      <c r="V28" s="4">
        <v>17000</v>
      </c>
      <c r="W28" s="1"/>
      <c r="X28" s="1">
        <v>5</v>
      </c>
      <c r="Y28" s="1">
        <v>0.17</v>
      </c>
      <c r="Z28" s="1">
        <v>1.2999999999999999E-2</v>
      </c>
      <c r="AA28" t="s">
        <v>926</v>
      </c>
      <c r="AB28" t="s">
        <v>955</v>
      </c>
      <c r="AC28" s="1" t="s">
        <v>881</v>
      </c>
      <c r="AD28" s="1" t="s">
        <v>882</v>
      </c>
      <c r="AE28" s="1" t="s">
        <v>883</v>
      </c>
      <c r="AF28" s="1" t="s">
        <v>884</v>
      </c>
      <c r="AG28" s="1" t="s">
        <v>883</v>
      </c>
      <c r="AH28" s="1" t="s">
        <v>883</v>
      </c>
      <c r="AI28" s="1"/>
      <c r="AJ28" s="1"/>
      <c r="AK28" s="1"/>
      <c r="AL28" s="1" t="s">
        <v>888</v>
      </c>
      <c r="AM28" s="1"/>
      <c r="AN28" s="1"/>
      <c r="AO28" s="1"/>
      <c r="AP28" t="s">
        <v>888</v>
      </c>
      <c r="AQ28" s="1"/>
      <c r="AR28" s="1" t="s">
        <v>888</v>
      </c>
      <c r="AS28" s="1" t="s">
        <v>888</v>
      </c>
      <c r="AT28" s="1"/>
      <c r="AU28" s="1"/>
      <c r="AV28" s="1"/>
      <c r="AW28" s="1"/>
      <c r="AX28" s="1"/>
      <c r="AY28" s="1"/>
      <c r="AZ28" s="1" t="s">
        <v>893</v>
      </c>
      <c r="BA28" s="1">
        <v>2.3E-2</v>
      </c>
      <c r="BB28" s="1">
        <v>0.09</v>
      </c>
      <c r="BC28" s="1">
        <v>4.3</v>
      </c>
      <c r="BD28" s="1">
        <v>4.3</v>
      </c>
      <c r="BF28" s="1" t="s">
        <v>885</v>
      </c>
      <c r="BG28" s="1">
        <v>1.1000000000000001E-3</v>
      </c>
      <c r="BH28" s="1" t="s">
        <v>884</v>
      </c>
      <c r="BI28" s="1" t="s">
        <v>882</v>
      </c>
      <c r="BJ28" s="1"/>
      <c r="BK28" s="1"/>
      <c r="BL28" s="1"/>
      <c r="BM28" s="1" t="s">
        <v>900</v>
      </c>
      <c r="BN28" s="1">
        <v>0.14000000000000001</v>
      </c>
      <c r="BO28" s="1">
        <v>32</v>
      </c>
      <c r="BP28" s="1">
        <v>17</v>
      </c>
      <c r="BQ28" s="1"/>
      <c r="BR28" s="1" t="s">
        <v>90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6666666666666663</v>
      </c>
      <c r="C29" s="1" t="s">
        <v>855</v>
      </c>
      <c r="D29" s="1" t="s">
        <v>85</v>
      </c>
      <c r="E29" s="1" t="s">
        <v>28</v>
      </c>
      <c r="F29" s="1" t="s">
        <v>70</v>
      </c>
      <c r="G29" s="1" t="s">
        <v>106</v>
      </c>
      <c r="H29" s="1" t="s">
        <v>280</v>
      </c>
      <c r="I29" s="1" t="s">
        <v>508</v>
      </c>
      <c r="J29" s="1" t="s">
        <v>119</v>
      </c>
      <c r="K29" s="1" t="s">
        <v>219</v>
      </c>
      <c r="L29" s="1" t="s">
        <v>34</v>
      </c>
      <c r="N29" s="1" t="s">
        <v>35</v>
      </c>
      <c r="O29" s="1" t="s">
        <v>278</v>
      </c>
      <c r="P29" s="1" t="s">
        <v>37</v>
      </c>
      <c r="Q29" s="1" t="s">
        <v>210</v>
      </c>
      <c r="R29" s="1" t="s">
        <v>101</v>
      </c>
      <c r="S29" s="1" t="s">
        <v>40</v>
      </c>
      <c r="T29" s="1" t="s">
        <v>41</v>
      </c>
      <c r="U29" s="1">
        <v>8.4</v>
      </c>
      <c r="V29" s="1"/>
      <c r="W29" s="1"/>
      <c r="X29" s="1"/>
      <c r="Y29" s="1"/>
      <c r="Z29" s="1"/>
      <c r="AA29" t="s">
        <v>928</v>
      </c>
      <c r="AB29" t="s">
        <v>928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35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1666666666666663</v>
      </c>
      <c r="C30" s="1" t="s">
        <v>855</v>
      </c>
      <c r="D30" s="1" t="s">
        <v>85</v>
      </c>
      <c r="E30" s="1" t="s">
        <v>28</v>
      </c>
      <c r="F30" s="1" t="s">
        <v>92</v>
      </c>
      <c r="G30" s="1" t="s">
        <v>202</v>
      </c>
      <c r="H30" s="1" t="s">
        <v>33</v>
      </c>
      <c r="I30" s="1" t="s">
        <v>333</v>
      </c>
      <c r="J30" s="1" t="s">
        <v>119</v>
      </c>
      <c r="K30" s="1" t="s">
        <v>209</v>
      </c>
      <c r="L30" s="1" t="s">
        <v>34</v>
      </c>
      <c r="N30" s="1" t="s">
        <v>35</v>
      </c>
      <c r="O30" s="1" t="s">
        <v>278</v>
      </c>
      <c r="P30" s="1" t="s">
        <v>37</v>
      </c>
      <c r="Q30" s="1" t="s">
        <v>171</v>
      </c>
      <c r="R30" s="1" t="s">
        <v>245</v>
      </c>
      <c r="S30" s="1" t="s">
        <v>220</v>
      </c>
      <c r="T30" s="1" t="s">
        <v>41</v>
      </c>
      <c r="U30" s="1">
        <v>7.4</v>
      </c>
      <c r="V30" s="1"/>
      <c r="W30" s="1"/>
      <c r="X30" s="1">
        <v>4.9000000000000004</v>
      </c>
      <c r="Y30" s="1">
        <v>0.17</v>
      </c>
      <c r="Z30" s="1"/>
      <c r="AA30" t="s">
        <v>928</v>
      </c>
      <c r="AB30" t="s">
        <v>928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36</v>
      </c>
      <c r="BP30" s="1">
        <v>19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66</v>
      </c>
      <c r="B31" s="2">
        <v>0.16666666666666666</v>
      </c>
      <c r="C31" s="1" t="s">
        <v>855</v>
      </c>
      <c r="D31" s="1" t="s">
        <v>85</v>
      </c>
      <c r="E31" s="1" t="s">
        <v>28</v>
      </c>
      <c r="F31" s="1" t="s">
        <v>202</v>
      </c>
      <c r="G31" s="1" t="s">
        <v>249</v>
      </c>
      <c r="H31" s="1" t="s">
        <v>254</v>
      </c>
      <c r="I31" s="1" t="s">
        <v>460</v>
      </c>
      <c r="J31" s="1" t="s">
        <v>119</v>
      </c>
      <c r="K31" s="1" t="s">
        <v>209</v>
      </c>
      <c r="L31" s="1" t="s">
        <v>34</v>
      </c>
      <c r="N31" s="1" t="s">
        <v>35</v>
      </c>
      <c r="O31" s="1" t="s">
        <v>278</v>
      </c>
      <c r="P31" s="1" t="s">
        <v>37</v>
      </c>
      <c r="Q31" s="1" t="s">
        <v>171</v>
      </c>
      <c r="R31" s="1" t="s">
        <v>255</v>
      </c>
      <c r="S31" s="1" t="s">
        <v>59</v>
      </c>
      <c r="T31" s="1" t="s">
        <v>60</v>
      </c>
      <c r="U31" s="1">
        <v>7.1</v>
      </c>
      <c r="V31" s="1"/>
      <c r="W31" s="1"/>
      <c r="X31" s="1"/>
      <c r="Y31" s="1"/>
      <c r="Z31" s="1"/>
      <c r="AA31" t="s">
        <v>928</v>
      </c>
      <c r="AB31" t="s">
        <v>928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37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68</v>
      </c>
      <c r="B32" s="2">
        <v>0.41666666666666669</v>
      </c>
      <c r="C32" s="1" t="s">
        <v>855</v>
      </c>
      <c r="D32" s="1" t="s">
        <v>27</v>
      </c>
      <c r="E32" s="1" t="s">
        <v>474</v>
      </c>
      <c r="F32" s="1" t="s">
        <v>249</v>
      </c>
      <c r="G32" s="1" t="s">
        <v>203</v>
      </c>
      <c r="H32" s="1" t="s">
        <v>33</v>
      </c>
      <c r="I32" s="1" t="s">
        <v>623</v>
      </c>
      <c r="J32" s="1" t="s">
        <v>63</v>
      </c>
      <c r="K32" s="1" t="s">
        <v>258</v>
      </c>
      <c r="L32" s="1" t="s">
        <v>398</v>
      </c>
      <c r="N32" s="1" t="s">
        <v>35</v>
      </c>
      <c r="O32" s="1" t="s">
        <v>278</v>
      </c>
      <c r="P32" s="1" t="s">
        <v>37</v>
      </c>
      <c r="Q32" s="1" t="s">
        <v>179</v>
      </c>
      <c r="R32" s="1" t="s">
        <v>303</v>
      </c>
      <c r="S32" s="1" t="s">
        <v>373</v>
      </c>
      <c r="T32" s="1" t="s">
        <v>286</v>
      </c>
      <c r="U32" s="1">
        <v>7.8</v>
      </c>
      <c r="V32" s="4">
        <v>7000</v>
      </c>
      <c r="W32" s="1"/>
      <c r="X32" s="1">
        <v>4.0999999999999996</v>
      </c>
      <c r="Y32" s="1">
        <v>0.32</v>
      </c>
      <c r="Z32" s="1">
        <v>1.9E-2</v>
      </c>
      <c r="AA32" t="s">
        <v>926</v>
      </c>
      <c r="AB32" t="s">
        <v>971</v>
      </c>
      <c r="AC32" s="1" t="s">
        <v>881</v>
      </c>
      <c r="AD32" s="1" t="s">
        <v>882</v>
      </c>
      <c r="AE32" s="1">
        <v>5.0000000000000001E-4</v>
      </c>
      <c r="AF32" s="1" t="s">
        <v>884</v>
      </c>
      <c r="AG32" s="1" t="s">
        <v>883</v>
      </c>
      <c r="AH32" s="1" t="s">
        <v>883</v>
      </c>
      <c r="AI32" s="1"/>
      <c r="AJ32" s="1"/>
      <c r="AK32" s="1"/>
      <c r="AL32" s="1" t="s">
        <v>888</v>
      </c>
      <c r="AM32" s="1"/>
      <c r="AN32" s="1"/>
      <c r="AO32" s="1"/>
      <c r="AP32" t="s">
        <v>888</v>
      </c>
      <c r="AQ32" s="1"/>
      <c r="AR32" s="1" t="s">
        <v>888</v>
      </c>
      <c r="AS32" s="1">
        <v>2.0000000000000001E-4</v>
      </c>
      <c r="AT32" s="1"/>
      <c r="AU32" s="1"/>
      <c r="AV32" s="1"/>
      <c r="AW32" s="1"/>
      <c r="AX32" s="1"/>
      <c r="AY32" s="1"/>
      <c r="AZ32" s="1"/>
      <c r="BA32" s="1"/>
      <c r="BB32" s="1">
        <v>0.18</v>
      </c>
      <c r="BC32" s="1">
        <v>3.5</v>
      </c>
      <c r="BD32" s="1">
        <v>3.6</v>
      </c>
      <c r="BF32" s="1"/>
      <c r="BG32" s="1"/>
      <c r="BH32" s="1"/>
      <c r="BI32" s="1"/>
      <c r="BJ32" s="1"/>
      <c r="BK32" s="1"/>
      <c r="BL32" s="1"/>
      <c r="BM32" s="1" t="s">
        <v>900</v>
      </c>
      <c r="BN32" s="1">
        <v>0.26</v>
      </c>
      <c r="BO32" s="1">
        <v>31</v>
      </c>
      <c r="BP32" s="1">
        <v>21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6666666666666663</v>
      </c>
      <c r="C33" s="1" t="s">
        <v>855</v>
      </c>
      <c r="D33" s="1" t="s">
        <v>27</v>
      </c>
      <c r="E33" s="1" t="s">
        <v>474</v>
      </c>
      <c r="F33" s="1" t="s">
        <v>249</v>
      </c>
      <c r="G33" s="1" t="s">
        <v>29</v>
      </c>
      <c r="H33" s="1" t="s">
        <v>55</v>
      </c>
      <c r="I33" s="1" t="s">
        <v>785</v>
      </c>
      <c r="J33" s="1" t="s">
        <v>119</v>
      </c>
      <c r="K33" s="1" t="s">
        <v>237</v>
      </c>
      <c r="L33" s="1" t="s">
        <v>290</v>
      </c>
      <c r="N33" s="1" t="s">
        <v>35</v>
      </c>
      <c r="O33" s="1" t="s">
        <v>278</v>
      </c>
      <c r="P33" s="1" t="s">
        <v>37</v>
      </c>
      <c r="Q33" s="1" t="s">
        <v>210</v>
      </c>
      <c r="R33" s="1" t="s">
        <v>146</v>
      </c>
      <c r="S33" s="1" t="s">
        <v>338</v>
      </c>
      <c r="T33" s="1" t="s">
        <v>68</v>
      </c>
      <c r="U33" s="1">
        <v>8.9</v>
      </c>
      <c r="V33" s="1"/>
      <c r="W33" s="1"/>
      <c r="X33" s="1"/>
      <c r="Y33" s="1"/>
      <c r="Z33" s="1"/>
      <c r="AA33" t="s">
        <v>928</v>
      </c>
      <c r="AB33" t="s">
        <v>928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34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1666666666666663</v>
      </c>
      <c r="C34" s="1" t="s">
        <v>855</v>
      </c>
      <c r="D34" s="1" t="s">
        <v>27</v>
      </c>
      <c r="E34" s="1" t="s">
        <v>474</v>
      </c>
      <c r="F34" s="1" t="s">
        <v>43</v>
      </c>
      <c r="G34" s="1" t="s">
        <v>43</v>
      </c>
      <c r="H34" s="1" t="s">
        <v>224</v>
      </c>
      <c r="I34" s="1" t="s">
        <v>756</v>
      </c>
      <c r="J34" s="1" t="s">
        <v>63</v>
      </c>
      <c r="K34" s="1" t="s">
        <v>258</v>
      </c>
      <c r="L34" s="1" t="s">
        <v>34</v>
      </c>
      <c r="N34" s="1" t="s">
        <v>35</v>
      </c>
      <c r="O34" s="1" t="s">
        <v>278</v>
      </c>
      <c r="P34" s="1" t="s">
        <v>37</v>
      </c>
      <c r="Q34" s="1" t="s">
        <v>179</v>
      </c>
      <c r="R34" s="1" t="s">
        <v>192</v>
      </c>
      <c r="S34" s="1" t="s">
        <v>529</v>
      </c>
      <c r="T34" s="1" t="s">
        <v>286</v>
      </c>
      <c r="U34" s="1">
        <v>7</v>
      </c>
      <c r="V34" s="1"/>
      <c r="W34" s="1"/>
      <c r="X34" s="1">
        <v>4.9000000000000004</v>
      </c>
      <c r="Y34" s="1">
        <v>0.35</v>
      </c>
      <c r="Z34" s="1"/>
      <c r="AA34" t="s">
        <v>928</v>
      </c>
      <c r="AB34" t="s">
        <v>928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38</v>
      </c>
      <c r="BP34" s="1">
        <v>27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72</v>
      </c>
      <c r="B35" s="2">
        <v>0.16666666666666666</v>
      </c>
      <c r="C35" s="1" t="s">
        <v>855</v>
      </c>
      <c r="D35" s="1" t="s">
        <v>27</v>
      </c>
      <c r="E35" s="1" t="s">
        <v>474</v>
      </c>
      <c r="F35" s="1" t="s">
        <v>188</v>
      </c>
      <c r="G35" s="1" t="s">
        <v>176</v>
      </c>
      <c r="H35" s="1" t="s">
        <v>228</v>
      </c>
      <c r="I35" s="1" t="s">
        <v>791</v>
      </c>
      <c r="J35" s="1" t="s">
        <v>150</v>
      </c>
      <c r="K35" s="1" t="s">
        <v>316</v>
      </c>
      <c r="L35" s="1" t="s">
        <v>34</v>
      </c>
      <c r="N35" s="1" t="s">
        <v>35</v>
      </c>
      <c r="O35" s="1" t="s">
        <v>278</v>
      </c>
      <c r="P35" s="1" t="s">
        <v>37</v>
      </c>
      <c r="Q35" s="1" t="s">
        <v>179</v>
      </c>
      <c r="R35" s="1" t="s">
        <v>172</v>
      </c>
      <c r="S35" s="1" t="s">
        <v>83</v>
      </c>
      <c r="T35" s="1" t="s">
        <v>41</v>
      </c>
      <c r="U35" s="1">
        <v>7.2</v>
      </c>
      <c r="V35" s="1"/>
      <c r="W35" s="1"/>
      <c r="X35" s="1"/>
      <c r="Y35" s="1"/>
      <c r="Z35" s="1"/>
      <c r="AA35" t="s">
        <v>928</v>
      </c>
      <c r="AB35" t="s">
        <v>928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38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37</v>
      </c>
      <c r="B36" s="2">
        <v>0.41666666666666669</v>
      </c>
      <c r="C36" s="1" t="s">
        <v>855</v>
      </c>
      <c r="D36" s="1" t="s">
        <v>27</v>
      </c>
      <c r="E36" s="1" t="s">
        <v>856</v>
      </c>
      <c r="F36" s="1" t="s">
        <v>202</v>
      </c>
      <c r="G36" s="1" t="s">
        <v>167</v>
      </c>
      <c r="H36" s="1" t="s">
        <v>88</v>
      </c>
      <c r="I36" s="1" t="s">
        <v>792</v>
      </c>
      <c r="J36" s="1" t="s">
        <v>63</v>
      </c>
      <c r="K36" s="1" t="s">
        <v>331</v>
      </c>
      <c r="L36" s="1" t="s">
        <v>127</v>
      </c>
      <c r="N36" s="1" t="s">
        <v>35</v>
      </c>
      <c r="O36" s="1" t="s">
        <v>278</v>
      </c>
      <c r="P36" s="1" t="s">
        <v>37</v>
      </c>
      <c r="Q36" s="1" t="s">
        <v>81</v>
      </c>
      <c r="R36" s="1" t="s">
        <v>192</v>
      </c>
      <c r="S36" s="1" t="s">
        <v>378</v>
      </c>
      <c r="T36" s="1" t="s">
        <v>409</v>
      </c>
      <c r="U36" s="1">
        <v>6.9</v>
      </c>
      <c r="V36" s="4">
        <v>49000</v>
      </c>
      <c r="W36" s="1"/>
      <c r="X36" s="1">
        <v>4.9000000000000004</v>
      </c>
      <c r="Y36" s="1">
        <v>0.52</v>
      </c>
      <c r="Z36" s="1">
        <v>2.4E-2</v>
      </c>
      <c r="AA36" t="s">
        <v>926</v>
      </c>
      <c r="AB36" t="s">
        <v>972</v>
      </c>
      <c r="AC36" s="1" t="s">
        <v>881</v>
      </c>
      <c r="AD36" s="1" t="s">
        <v>882</v>
      </c>
      <c r="AE36" s="1" t="s">
        <v>883</v>
      </c>
      <c r="AF36" s="1" t="s">
        <v>884</v>
      </c>
      <c r="AG36" s="1" t="s">
        <v>883</v>
      </c>
      <c r="AH36" s="1" t="s">
        <v>883</v>
      </c>
      <c r="AI36" s="1"/>
      <c r="AJ36" s="1"/>
      <c r="AK36" s="1"/>
      <c r="AL36" s="1" t="s">
        <v>888</v>
      </c>
      <c r="AM36" s="1"/>
      <c r="AN36" s="1"/>
      <c r="AO36" s="1"/>
      <c r="AP36" t="s">
        <v>888</v>
      </c>
      <c r="AQ36" s="1"/>
      <c r="AR36" s="1" t="s">
        <v>888</v>
      </c>
      <c r="AS36" s="1" t="s">
        <v>888</v>
      </c>
      <c r="AT36" s="1"/>
      <c r="AU36" s="1"/>
      <c r="AV36" s="1"/>
      <c r="AW36" s="1"/>
      <c r="AX36" s="1"/>
      <c r="AY36" s="1"/>
      <c r="AZ36" s="1" t="s">
        <v>893</v>
      </c>
      <c r="BA36" s="1">
        <v>2.4E-2</v>
      </c>
      <c r="BB36" s="1">
        <v>0.28999999999999998</v>
      </c>
      <c r="BC36" s="1">
        <v>4.0999999999999996</v>
      </c>
      <c r="BD36" s="1">
        <v>4.3</v>
      </c>
      <c r="BF36" s="1" t="s">
        <v>885</v>
      </c>
      <c r="BG36" s="1">
        <v>3.5000000000000001E-3</v>
      </c>
      <c r="BH36" s="1" t="s">
        <v>884</v>
      </c>
      <c r="BI36" s="1" t="s">
        <v>882</v>
      </c>
      <c r="BJ36" s="1"/>
      <c r="BK36" s="1"/>
      <c r="BL36" s="1"/>
      <c r="BM36" s="1" t="s">
        <v>900</v>
      </c>
      <c r="BN36" s="1">
        <v>0.44</v>
      </c>
      <c r="BO36" s="1">
        <v>37</v>
      </c>
      <c r="BP36" s="1">
        <v>24</v>
      </c>
      <c r="BQ36" s="1"/>
      <c r="BR36" s="1" t="s">
        <v>90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6666666666666663</v>
      </c>
      <c r="C37" s="1" t="s">
        <v>855</v>
      </c>
      <c r="D37" s="1" t="s">
        <v>85</v>
      </c>
      <c r="E37" s="1" t="s">
        <v>856</v>
      </c>
      <c r="F37" s="1" t="s">
        <v>249</v>
      </c>
      <c r="G37" s="1" t="s">
        <v>203</v>
      </c>
      <c r="H37" s="1" t="s">
        <v>78</v>
      </c>
      <c r="I37" s="1" t="s">
        <v>793</v>
      </c>
      <c r="J37" s="1" t="s">
        <v>160</v>
      </c>
      <c r="K37" s="1" t="s">
        <v>178</v>
      </c>
      <c r="L37" s="1" t="s">
        <v>477</v>
      </c>
      <c r="N37" s="1" t="s">
        <v>35</v>
      </c>
      <c r="O37" s="1" t="s">
        <v>278</v>
      </c>
      <c r="P37" s="1" t="s">
        <v>37</v>
      </c>
      <c r="Q37" s="1" t="s">
        <v>210</v>
      </c>
      <c r="R37" s="1" t="s">
        <v>196</v>
      </c>
      <c r="S37" s="1" t="s">
        <v>313</v>
      </c>
      <c r="T37" s="1" t="s">
        <v>734</v>
      </c>
      <c r="U37" s="1">
        <v>8.4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36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1666666666666663</v>
      </c>
      <c r="C38" s="1" t="s">
        <v>855</v>
      </c>
      <c r="D38" s="1" t="s">
        <v>85</v>
      </c>
      <c r="E38" s="1" t="s">
        <v>856</v>
      </c>
      <c r="F38" s="1" t="s">
        <v>42</v>
      </c>
      <c r="G38" s="1" t="s">
        <v>114</v>
      </c>
      <c r="H38" s="1" t="s">
        <v>126</v>
      </c>
      <c r="I38" s="1" t="s">
        <v>686</v>
      </c>
      <c r="J38" s="1" t="s">
        <v>64</v>
      </c>
      <c r="K38" s="1" t="s">
        <v>94</v>
      </c>
      <c r="L38" s="1" t="s">
        <v>477</v>
      </c>
      <c r="N38" s="1" t="s">
        <v>35</v>
      </c>
      <c r="O38" s="1" t="s">
        <v>278</v>
      </c>
      <c r="P38" s="1" t="s">
        <v>37</v>
      </c>
      <c r="Q38" s="1" t="s">
        <v>179</v>
      </c>
      <c r="R38" s="1" t="s">
        <v>39</v>
      </c>
      <c r="S38" s="1" t="s">
        <v>347</v>
      </c>
      <c r="T38" s="1" t="s">
        <v>286</v>
      </c>
      <c r="U38" s="1">
        <v>6.7</v>
      </c>
      <c r="V38" s="1"/>
      <c r="W38" s="1"/>
      <c r="X38" s="1">
        <v>5.0999999999999996</v>
      </c>
      <c r="Y38" s="1">
        <v>0.47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38</v>
      </c>
      <c r="BP38" s="1">
        <v>32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84</v>
      </c>
      <c r="B39" s="2">
        <v>0.16666666666666666</v>
      </c>
      <c r="C39" s="1" t="s">
        <v>855</v>
      </c>
      <c r="D39" s="1" t="s">
        <v>85</v>
      </c>
      <c r="E39" s="1" t="s">
        <v>856</v>
      </c>
      <c r="F39" s="1" t="s">
        <v>117</v>
      </c>
      <c r="G39" s="1" t="s">
        <v>125</v>
      </c>
      <c r="H39" s="1" t="s">
        <v>126</v>
      </c>
      <c r="I39" s="1" t="s">
        <v>393</v>
      </c>
      <c r="J39" s="1" t="s">
        <v>219</v>
      </c>
      <c r="K39" s="1" t="s">
        <v>316</v>
      </c>
      <c r="L39" s="1" t="s">
        <v>34</v>
      </c>
      <c r="N39" s="1" t="s">
        <v>35</v>
      </c>
      <c r="O39" s="1" t="s">
        <v>278</v>
      </c>
      <c r="P39" s="1" t="s">
        <v>37</v>
      </c>
      <c r="Q39" s="1" t="s">
        <v>179</v>
      </c>
      <c r="R39" s="1" t="s">
        <v>121</v>
      </c>
      <c r="S39" s="1" t="s">
        <v>279</v>
      </c>
      <c r="T39" s="1" t="s">
        <v>286</v>
      </c>
      <c r="U39" s="1">
        <v>7.1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40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44</v>
      </c>
      <c r="B40" s="2">
        <v>0.41666666666666669</v>
      </c>
      <c r="C40" s="1" t="s">
        <v>855</v>
      </c>
      <c r="D40" s="1" t="s">
        <v>27</v>
      </c>
      <c r="E40" s="1" t="s">
        <v>28</v>
      </c>
      <c r="F40" s="1" t="s">
        <v>291</v>
      </c>
      <c r="G40" s="1" t="s">
        <v>291</v>
      </c>
      <c r="H40" s="1" t="s">
        <v>126</v>
      </c>
      <c r="I40" s="1" t="s">
        <v>627</v>
      </c>
      <c r="J40" s="1" t="s">
        <v>63</v>
      </c>
      <c r="K40" s="1" t="s">
        <v>331</v>
      </c>
      <c r="L40" s="1" t="s">
        <v>34</v>
      </c>
      <c r="N40" s="1" t="s">
        <v>35</v>
      </c>
      <c r="O40" s="1" t="s">
        <v>278</v>
      </c>
      <c r="P40" s="1" t="s">
        <v>37</v>
      </c>
      <c r="Q40" s="1" t="s">
        <v>186</v>
      </c>
      <c r="R40" s="1" t="s">
        <v>40</v>
      </c>
      <c r="S40" s="1" t="s">
        <v>338</v>
      </c>
      <c r="T40" s="1" t="s">
        <v>41</v>
      </c>
      <c r="U40" s="1">
        <v>8.1999999999999993</v>
      </c>
      <c r="V40" s="4">
        <v>11000</v>
      </c>
      <c r="W40" s="1"/>
      <c r="X40" s="1">
        <v>6.1</v>
      </c>
      <c r="Y40" s="1">
        <v>0.5</v>
      </c>
      <c r="Z40" s="1">
        <v>2.1999999999999999E-2</v>
      </c>
      <c r="AA40" t="s">
        <v>926</v>
      </c>
      <c r="AB40" t="s">
        <v>970</v>
      </c>
      <c r="AC40" s="1" t="s">
        <v>881</v>
      </c>
      <c r="AD40" s="1" t="s">
        <v>882</v>
      </c>
      <c r="AE40" s="1" t="s">
        <v>883</v>
      </c>
      <c r="AF40" s="1" t="s">
        <v>884</v>
      </c>
      <c r="AG40" s="1" t="s">
        <v>883</v>
      </c>
      <c r="AH40" s="1" t="s">
        <v>883</v>
      </c>
      <c r="AI40" s="1"/>
      <c r="AJ40" s="1"/>
      <c r="AK40" s="1"/>
      <c r="AL40" s="1" t="s">
        <v>888</v>
      </c>
      <c r="AM40" s="1"/>
      <c r="AN40" s="1"/>
      <c r="AO40" s="1"/>
      <c r="AP40" t="s">
        <v>888</v>
      </c>
      <c r="AQ40" s="1"/>
      <c r="AR40" s="1" t="s">
        <v>888</v>
      </c>
      <c r="AS40" s="1" t="s">
        <v>888</v>
      </c>
      <c r="AT40" s="1"/>
      <c r="AU40" s="1"/>
      <c r="AV40" s="1"/>
      <c r="AW40" s="1"/>
      <c r="AX40" s="1"/>
      <c r="AY40" s="1"/>
      <c r="AZ40" s="1"/>
      <c r="BA40" s="1"/>
      <c r="BB40" s="1">
        <v>0.28000000000000003</v>
      </c>
      <c r="BC40" s="1">
        <v>5.2</v>
      </c>
      <c r="BD40" s="1">
        <v>5.4</v>
      </c>
      <c r="BF40" s="1"/>
      <c r="BG40" s="1"/>
      <c r="BH40" s="1"/>
      <c r="BI40" s="1"/>
      <c r="BJ40" s="1"/>
      <c r="BK40" s="1"/>
      <c r="BL40" s="1"/>
      <c r="BM40" s="1" t="s">
        <v>900</v>
      </c>
      <c r="BN40" s="1">
        <v>0.42</v>
      </c>
      <c r="BO40" s="1">
        <v>40</v>
      </c>
      <c r="BP40" s="1">
        <v>32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6666666666666663</v>
      </c>
      <c r="C41" s="1" t="s">
        <v>855</v>
      </c>
      <c r="D41" s="1" t="s">
        <v>27</v>
      </c>
      <c r="E41" s="1" t="s">
        <v>28</v>
      </c>
      <c r="F41" s="1" t="s">
        <v>699</v>
      </c>
      <c r="G41" s="1" t="s">
        <v>699</v>
      </c>
      <c r="H41" s="1" t="s">
        <v>55</v>
      </c>
      <c r="I41" s="1" t="s">
        <v>777</v>
      </c>
      <c r="J41" s="1" t="s">
        <v>72</v>
      </c>
      <c r="K41" s="1" t="s">
        <v>243</v>
      </c>
      <c r="L41" s="1" t="s">
        <v>34</v>
      </c>
      <c r="N41" s="1" t="s">
        <v>35</v>
      </c>
      <c r="O41" s="1" t="s">
        <v>278</v>
      </c>
      <c r="P41" s="1" t="s">
        <v>37</v>
      </c>
      <c r="Q41" s="1" t="s">
        <v>161</v>
      </c>
      <c r="R41" s="1" t="s">
        <v>220</v>
      </c>
      <c r="S41" s="1" t="s">
        <v>135</v>
      </c>
      <c r="T41" s="1" t="s">
        <v>41</v>
      </c>
      <c r="U41" s="1">
        <v>10.6</v>
      </c>
      <c r="V41" s="1"/>
      <c r="W41" s="1"/>
      <c r="X41" s="1"/>
      <c r="Y41" s="1"/>
      <c r="Z41" s="1"/>
      <c r="AA41" t="s">
        <v>928</v>
      </c>
      <c r="AB41" t="s">
        <v>928</v>
      </c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40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1666666666666663</v>
      </c>
      <c r="C42" s="1" t="s">
        <v>855</v>
      </c>
      <c r="D42" s="1" t="s">
        <v>27</v>
      </c>
      <c r="E42" s="1" t="s">
        <v>28</v>
      </c>
      <c r="F42" s="1" t="s">
        <v>584</v>
      </c>
      <c r="G42" s="1" t="s">
        <v>291</v>
      </c>
      <c r="H42" s="1" t="s">
        <v>73</v>
      </c>
      <c r="I42" s="1" t="s">
        <v>760</v>
      </c>
      <c r="J42" s="1" t="s">
        <v>44</v>
      </c>
      <c r="K42" s="1" t="s">
        <v>280</v>
      </c>
      <c r="L42" s="1" t="s">
        <v>34</v>
      </c>
      <c r="N42" s="1" t="s">
        <v>35</v>
      </c>
      <c r="O42" s="1" t="s">
        <v>278</v>
      </c>
      <c r="P42" s="1" t="s">
        <v>37</v>
      </c>
      <c r="Q42" s="1" t="s">
        <v>171</v>
      </c>
      <c r="R42" s="1" t="s">
        <v>83</v>
      </c>
      <c r="S42" s="1" t="s">
        <v>91</v>
      </c>
      <c r="T42" s="1" t="s">
        <v>60</v>
      </c>
      <c r="U42" s="1">
        <v>8.8000000000000007</v>
      </c>
      <c r="V42" s="1"/>
      <c r="W42" s="1"/>
      <c r="X42" s="1">
        <v>5.7</v>
      </c>
      <c r="Y42" s="1">
        <v>0.44</v>
      </c>
      <c r="Z42" s="1"/>
      <c r="AA42" t="s">
        <v>928</v>
      </c>
      <c r="AB42" t="s">
        <v>928</v>
      </c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42</v>
      </c>
      <c r="BP42" s="1">
        <v>36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93</v>
      </c>
      <c r="B43" s="2">
        <v>0.16666666666666666</v>
      </c>
      <c r="C43" s="1" t="s">
        <v>855</v>
      </c>
      <c r="D43" s="1" t="s">
        <v>27</v>
      </c>
      <c r="E43" s="1" t="s">
        <v>28</v>
      </c>
      <c r="F43" s="1" t="s">
        <v>146</v>
      </c>
      <c r="G43" s="1" t="s">
        <v>81</v>
      </c>
      <c r="H43" s="1" t="s">
        <v>132</v>
      </c>
      <c r="I43" s="1" t="s">
        <v>760</v>
      </c>
      <c r="J43" s="1" t="s">
        <v>32</v>
      </c>
      <c r="K43" s="1" t="s">
        <v>309</v>
      </c>
      <c r="L43" s="1" t="s">
        <v>34</v>
      </c>
      <c r="N43" s="1" t="s">
        <v>35</v>
      </c>
      <c r="O43" s="1" t="s">
        <v>278</v>
      </c>
      <c r="P43" s="1" t="s">
        <v>37</v>
      </c>
      <c r="Q43" s="1" t="s">
        <v>179</v>
      </c>
      <c r="R43" s="1" t="s">
        <v>59</v>
      </c>
      <c r="S43" s="1" t="s">
        <v>456</v>
      </c>
      <c r="T43" s="1" t="s">
        <v>60</v>
      </c>
      <c r="U43" s="1">
        <v>8.1</v>
      </c>
      <c r="V43" s="1"/>
      <c r="W43" s="1"/>
      <c r="X43" s="1"/>
      <c r="Y43" s="1"/>
      <c r="Z43" s="1"/>
      <c r="AA43" t="s">
        <v>928</v>
      </c>
      <c r="AB43" t="s">
        <v>928</v>
      </c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41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95</v>
      </c>
      <c r="B44" s="2">
        <v>0.41666666666666669</v>
      </c>
      <c r="C44" s="1" t="s">
        <v>855</v>
      </c>
      <c r="D44" s="1" t="s">
        <v>85</v>
      </c>
      <c r="E44" s="1" t="s">
        <v>28</v>
      </c>
      <c r="F44" s="1" t="s">
        <v>291</v>
      </c>
      <c r="G44" s="1" t="s">
        <v>429</v>
      </c>
      <c r="H44" s="1" t="s">
        <v>78</v>
      </c>
      <c r="I44" s="1" t="s">
        <v>760</v>
      </c>
      <c r="J44" s="1" t="s">
        <v>72</v>
      </c>
      <c r="K44" s="1" t="s">
        <v>243</v>
      </c>
      <c r="L44" s="1" t="s">
        <v>34</v>
      </c>
      <c r="N44" s="1" t="s">
        <v>35</v>
      </c>
      <c r="O44" s="1" t="s">
        <v>278</v>
      </c>
      <c r="P44" s="1" t="s">
        <v>37</v>
      </c>
      <c r="Q44" s="1" t="s">
        <v>186</v>
      </c>
      <c r="R44" s="1" t="s">
        <v>83</v>
      </c>
      <c r="S44" s="1" t="s">
        <v>373</v>
      </c>
      <c r="T44" s="1" t="s">
        <v>41</v>
      </c>
      <c r="U44" s="1">
        <v>8</v>
      </c>
      <c r="V44" s="4">
        <v>4900</v>
      </c>
      <c r="W44" s="1" t="s">
        <v>887</v>
      </c>
      <c r="X44" s="1">
        <v>5.9</v>
      </c>
      <c r="Y44" s="1">
        <v>0.5</v>
      </c>
      <c r="Z44" s="1">
        <v>2.3E-2</v>
      </c>
      <c r="AA44" t="s">
        <v>926</v>
      </c>
      <c r="AB44" t="s">
        <v>973</v>
      </c>
      <c r="AC44" s="1" t="s">
        <v>881</v>
      </c>
      <c r="AD44" s="1" t="s">
        <v>882</v>
      </c>
      <c r="AE44" s="1" t="s">
        <v>883</v>
      </c>
      <c r="AF44" s="1" t="s">
        <v>884</v>
      </c>
      <c r="AG44" s="1" t="s">
        <v>883</v>
      </c>
      <c r="AH44" s="1" t="s">
        <v>883</v>
      </c>
      <c r="AI44" s="1"/>
      <c r="AJ44" s="1" t="s">
        <v>883</v>
      </c>
      <c r="AK44" s="1" t="s">
        <v>888</v>
      </c>
      <c r="AL44" s="1" t="s">
        <v>888</v>
      </c>
      <c r="AM44" s="1" t="s">
        <v>888</v>
      </c>
      <c r="AN44" s="1" t="s">
        <v>888</v>
      </c>
      <c r="AO44" s="1" t="s">
        <v>888</v>
      </c>
      <c r="AP44" t="s">
        <v>888</v>
      </c>
      <c r="AQ44" s="1" t="s">
        <v>888</v>
      </c>
      <c r="AR44" s="1" t="s">
        <v>888</v>
      </c>
      <c r="AS44" s="1">
        <v>2.0000000000000001E-4</v>
      </c>
      <c r="AT44" s="1" t="s">
        <v>896</v>
      </c>
      <c r="AU44" s="1"/>
      <c r="AV44" s="1"/>
      <c r="AW44" s="1"/>
      <c r="AX44" s="1" t="s">
        <v>888</v>
      </c>
      <c r="AY44" s="1" t="s">
        <v>883</v>
      </c>
      <c r="AZ44" s="1" t="s">
        <v>893</v>
      </c>
      <c r="BA44" s="1">
        <v>2.1999999999999999E-2</v>
      </c>
      <c r="BB44" s="1">
        <v>0.24</v>
      </c>
      <c r="BC44" s="1">
        <v>4.9000000000000004</v>
      </c>
      <c r="BD44" s="1">
        <v>5.0999999999999996</v>
      </c>
      <c r="BE44" t="s">
        <v>885</v>
      </c>
      <c r="BF44" s="1" t="s">
        <v>885</v>
      </c>
      <c r="BG44" s="1">
        <v>3.3999999999999998E-3</v>
      </c>
      <c r="BH44" s="1">
        <v>0.02</v>
      </c>
      <c r="BI44" s="1" t="s">
        <v>882</v>
      </c>
      <c r="BJ44" s="1" t="s">
        <v>884</v>
      </c>
      <c r="BK44" s="1"/>
      <c r="BL44" s="1">
        <v>0.02</v>
      </c>
      <c r="BM44" s="1">
        <v>0.18</v>
      </c>
      <c r="BN44" s="1">
        <v>0.43</v>
      </c>
      <c r="BO44" s="1">
        <v>41</v>
      </c>
      <c r="BP44" s="1">
        <v>37</v>
      </c>
      <c r="BQ44" s="1"/>
      <c r="BR44" s="1" t="s">
        <v>901</v>
      </c>
      <c r="BS44" s="1">
        <v>8.0000000000000002E-3</v>
      </c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6666666666666663</v>
      </c>
      <c r="C45" s="1" t="s">
        <v>855</v>
      </c>
      <c r="D45" s="1" t="s">
        <v>85</v>
      </c>
      <c r="E45" s="1" t="s">
        <v>28</v>
      </c>
      <c r="F45" s="1" t="s">
        <v>273</v>
      </c>
      <c r="G45" s="1" t="s">
        <v>273</v>
      </c>
      <c r="H45" s="1" t="s">
        <v>100</v>
      </c>
      <c r="I45" s="1" t="s">
        <v>794</v>
      </c>
      <c r="J45" s="1" t="s">
        <v>44</v>
      </c>
      <c r="K45" s="1" t="s">
        <v>254</v>
      </c>
      <c r="L45" s="1" t="s">
        <v>34</v>
      </c>
      <c r="N45" s="1" t="s">
        <v>35</v>
      </c>
      <c r="O45" s="1" t="s">
        <v>278</v>
      </c>
      <c r="P45" s="1" t="s">
        <v>37</v>
      </c>
      <c r="Q45" s="1" t="s">
        <v>210</v>
      </c>
      <c r="R45" s="1" t="s">
        <v>82</v>
      </c>
      <c r="S45" s="1" t="s">
        <v>50</v>
      </c>
      <c r="T45" s="1" t="s">
        <v>174</v>
      </c>
      <c r="U45" s="1">
        <v>10.4</v>
      </c>
      <c r="V45" s="1"/>
      <c r="W45" s="1"/>
      <c r="X45" s="1"/>
      <c r="Y45" s="1"/>
      <c r="Z45" s="1"/>
      <c r="AA45" t="s">
        <v>928</v>
      </c>
      <c r="AB45" t="s">
        <v>928</v>
      </c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41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1666666666666663</v>
      </c>
      <c r="C46" s="1" t="s">
        <v>855</v>
      </c>
      <c r="D46" s="1" t="s">
        <v>85</v>
      </c>
      <c r="E46" s="1" t="s">
        <v>28</v>
      </c>
      <c r="F46" s="1" t="s">
        <v>291</v>
      </c>
      <c r="G46" s="1" t="s">
        <v>273</v>
      </c>
      <c r="H46" s="1" t="s">
        <v>73</v>
      </c>
      <c r="I46" s="1" t="s">
        <v>693</v>
      </c>
      <c r="J46" s="1" t="s">
        <v>79</v>
      </c>
      <c r="K46" s="1" t="s">
        <v>65</v>
      </c>
      <c r="L46" s="1" t="s">
        <v>34</v>
      </c>
      <c r="N46" s="1" t="s">
        <v>35</v>
      </c>
      <c r="O46" s="1" t="s">
        <v>278</v>
      </c>
      <c r="P46" s="1" t="s">
        <v>37</v>
      </c>
      <c r="Q46" s="1" t="s">
        <v>171</v>
      </c>
      <c r="R46" s="1" t="s">
        <v>328</v>
      </c>
      <c r="S46" s="1" t="s">
        <v>297</v>
      </c>
      <c r="T46" s="1" t="s">
        <v>41</v>
      </c>
      <c r="U46" s="1">
        <v>8.5</v>
      </c>
      <c r="V46" s="1"/>
      <c r="W46" s="1"/>
      <c r="X46" s="1">
        <v>5.3</v>
      </c>
      <c r="Y46" s="1">
        <v>0.41</v>
      </c>
      <c r="Z46" s="1"/>
      <c r="AA46" t="s">
        <v>928</v>
      </c>
      <c r="AB46" t="s">
        <v>928</v>
      </c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40</v>
      </c>
      <c r="BP46" s="1">
        <v>35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98</v>
      </c>
      <c r="B47" s="2">
        <v>0.16666666666666666</v>
      </c>
      <c r="C47" s="1" t="s">
        <v>855</v>
      </c>
      <c r="D47" s="1" t="s">
        <v>85</v>
      </c>
      <c r="E47" s="1" t="s">
        <v>28</v>
      </c>
      <c r="F47" s="1" t="s">
        <v>584</v>
      </c>
      <c r="G47" s="1" t="s">
        <v>134</v>
      </c>
      <c r="H47" s="1" t="s">
        <v>289</v>
      </c>
      <c r="I47" s="1" t="s">
        <v>741</v>
      </c>
      <c r="J47" s="1" t="s">
        <v>79</v>
      </c>
      <c r="K47" s="1" t="s">
        <v>302</v>
      </c>
      <c r="L47" s="1" t="s">
        <v>34</v>
      </c>
      <c r="N47" s="1" t="s">
        <v>35</v>
      </c>
      <c r="O47" s="1" t="s">
        <v>278</v>
      </c>
      <c r="P47" s="1" t="s">
        <v>37</v>
      </c>
      <c r="Q47" s="1" t="s">
        <v>186</v>
      </c>
      <c r="R47" s="1" t="s">
        <v>115</v>
      </c>
      <c r="S47" s="1" t="s">
        <v>50</v>
      </c>
      <c r="T47" s="1" t="s">
        <v>68</v>
      </c>
      <c r="U47" s="1">
        <v>8.3000000000000007</v>
      </c>
      <c r="V47" s="1"/>
      <c r="W47" s="1"/>
      <c r="X47" s="1"/>
      <c r="Y47" s="1"/>
      <c r="Z47" s="1"/>
      <c r="AA47" t="s">
        <v>928</v>
      </c>
      <c r="AB47" t="s">
        <v>928</v>
      </c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42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8</v>
      </c>
      <c r="B48" s="2">
        <v>0.41666666666666669</v>
      </c>
      <c r="C48" s="1" t="s">
        <v>855</v>
      </c>
      <c r="D48" s="1" t="s">
        <v>85</v>
      </c>
      <c r="E48" s="1" t="s">
        <v>857</v>
      </c>
      <c r="F48" s="1" t="s">
        <v>188</v>
      </c>
      <c r="G48" s="1" t="s">
        <v>30</v>
      </c>
      <c r="H48" s="1" t="s">
        <v>78</v>
      </c>
      <c r="I48" s="1" t="s">
        <v>701</v>
      </c>
      <c r="J48" s="1" t="s">
        <v>79</v>
      </c>
      <c r="K48" s="1" t="s">
        <v>289</v>
      </c>
      <c r="L48" s="1" t="s">
        <v>34</v>
      </c>
      <c r="N48" s="1" t="s">
        <v>35</v>
      </c>
      <c r="O48" s="1" t="s">
        <v>278</v>
      </c>
      <c r="P48" s="1" t="s">
        <v>37</v>
      </c>
      <c r="Q48" s="1" t="s">
        <v>210</v>
      </c>
      <c r="R48" s="1" t="s">
        <v>109</v>
      </c>
      <c r="S48" s="1" t="s">
        <v>141</v>
      </c>
      <c r="T48" s="1" t="s">
        <v>68</v>
      </c>
      <c r="U48" s="1">
        <v>8.1999999999999993</v>
      </c>
      <c r="V48" s="4">
        <v>4900</v>
      </c>
      <c r="W48" s="1"/>
      <c r="X48" s="1">
        <v>4.7</v>
      </c>
      <c r="Y48" s="1">
        <v>0.43</v>
      </c>
      <c r="Z48" s="1">
        <v>2.5000000000000001E-2</v>
      </c>
      <c r="AA48" t="s">
        <v>926</v>
      </c>
      <c r="AB48" t="s">
        <v>974</v>
      </c>
      <c r="AC48" s="1" t="s">
        <v>881</v>
      </c>
      <c r="AD48" s="1" t="s">
        <v>882</v>
      </c>
      <c r="AE48" s="1" t="s">
        <v>883</v>
      </c>
      <c r="AF48" s="1" t="s">
        <v>884</v>
      </c>
      <c r="AG48" s="1" t="s">
        <v>883</v>
      </c>
      <c r="AH48" s="1" t="s">
        <v>883</v>
      </c>
      <c r="AI48" s="1"/>
      <c r="AJ48" s="1"/>
      <c r="AK48" s="1"/>
      <c r="AL48" s="1" t="s">
        <v>888</v>
      </c>
      <c r="AM48" s="1"/>
      <c r="AN48" s="1"/>
      <c r="AO48" s="1"/>
      <c r="AP48" t="s">
        <v>888</v>
      </c>
      <c r="AQ48" s="1"/>
      <c r="AR48" s="1" t="s">
        <v>888</v>
      </c>
      <c r="AS48" s="1" t="s">
        <v>888</v>
      </c>
      <c r="AT48" s="1"/>
      <c r="AU48" s="1" t="s">
        <v>883</v>
      </c>
      <c r="AV48" s="1" t="s">
        <v>881</v>
      </c>
      <c r="AW48" s="1" t="s">
        <v>883</v>
      </c>
      <c r="AX48" s="1"/>
      <c r="AY48" s="1"/>
      <c r="AZ48" s="1"/>
      <c r="BA48" s="1"/>
      <c r="BB48" s="1">
        <v>0.16</v>
      </c>
      <c r="BC48" s="1">
        <v>4.0999999999999996</v>
      </c>
      <c r="BD48" s="1">
        <v>4.2</v>
      </c>
      <c r="BF48" s="1"/>
      <c r="BG48" s="1"/>
      <c r="BH48" s="1"/>
      <c r="BI48" s="1"/>
      <c r="BJ48" s="1"/>
      <c r="BK48" s="1" t="s">
        <v>903</v>
      </c>
      <c r="BL48" s="1"/>
      <c r="BM48" s="1" t="s">
        <v>900</v>
      </c>
      <c r="BN48" s="1">
        <v>0.37</v>
      </c>
      <c r="BO48" s="1">
        <v>35</v>
      </c>
      <c r="BP48" s="1">
        <v>30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6666666666666663</v>
      </c>
      <c r="C49" s="1" t="s">
        <v>855</v>
      </c>
      <c r="D49" s="1" t="s">
        <v>85</v>
      </c>
      <c r="E49" s="1" t="s">
        <v>857</v>
      </c>
      <c r="F49" s="1" t="s">
        <v>42</v>
      </c>
      <c r="G49" s="1" t="s">
        <v>175</v>
      </c>
      <c r="H49" s="1" t="s">
        <v>47</v>
      </c>
      <c r="I49" s="1" t="s">
        <v>550</v>
      </c>
      <c r="J49" s="1" t="s">
        <v>45</v>
      </c>
      <c r="K49" s="1" t="s">
        <v>190</v>
      </c>
      <c r="L49" s="1" t="s">
        <v>34</v>
      </c>
      <c r="N49" s="1" t="s">
        <v>35</v>
      </c>
      <c r="O49" s="1" t="s">
        <v>278</v>
      </c>
      <c r="P49" s="1" t="s">
        <v>37</v>
      </c>
      <c r="Q49" s="1" t="s">
        <v>210</v>
      </c>
      <c r="R49" s="1" t="s">
        <v>192</v>
      </c>
      <c r="S49" s="1" t="s">
        <v>135</v>
      </c>
      <c r="T49" s="1" t="s">
        <v>174</v>
      </c>
      <c r="U49" s="1">
        <v>9.3000000000000007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36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1666666666666663</v>
      </c>
      <c r="C50" s="1" t="s">
        <v>855</v>
      </c>
      <c r="D50" s="1" t="s">
        <v>164</v>
      </c>
      <c r="E50" s="1" t="s">
        <v>857</v>
      </c>
      <c r="F50" s="1" t="s">
        <v>117</v>
      </c>
      <c r="G50" s="1" t="s">
        <v>125</v>
      </c>
      <c r="H50" s="1" t="s">
        <v>132</v>
      </c>
      <c r="I50" s="1" t="s">
        <v>795</v>
      </c>
      <c r="J50" s="1" t="s">
        <v>79</v>
      </c>
      <c r="K50" s="1" t="s">
        <v>132</v>
      </c>
      <c r="L50" s="1" t="s">
        <v>34</v>
      </c>
      <c r="N50" s="1" t="s">
        <v>35</v>
      </c>
      <c r="O50" s="1" t="s">
        <v>278</v>
      </c>
      <c r="P50" s="1" t="s">
        <v>37</v>
      </c>
      <c r="Q50" s="1" t="s">
        <v>210</v>
      </c>
      <c r="R50" s="1" t="s">
        <v>49</v>
      </c>
      <c r="S50" s="1" t="s">
        <v>338</v>
      </c>
      <c r="T50" s="1" t="s">
        <v>174</v>
      </c>
      <c r="U50" s="1">
        <v>8.1999999999999993</v>
      </c>
      <c r="V50" s="1"/>
      <c r="W50" s="1"/>
      <c r="X50" s="1">
        <v>4.5</v>
      </c>
      <c r="Y50" s="1">
        <v>0.38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37</v>
      </c>
      <c r="BP50" s="1">
        <v>32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06</v>
      </c>
      <c r="B51" s="2">
        <v>0.16666666666666666</v>
      </c>
      <c r="C51" s="1" t="s">
        <v>855</v>
      </c>
      <c r="D51" s="1" t="s">
        <v>164</v>
      </c>
      <c r="E51" s="1" t="s">
        <v>857</v>
      </c>
      <c r="F51" s="1" t="s">
        <v>699</v>
      </c>
      <c r="G51" s="1" t="s">
        <v>166</v>
      </c>
      <c r="H51" s="1" t="s">
        <v>170</v>
      </c>
      <c r="I51" s="1" t="s">
        <v>523</v>
      </c>
      <c r="J51" s="1" t="s">
        <v>32</v>
      </c>
      <c r="K51" s="1" t="s">
        <v>74</v>
      </c>
      <c r="L51" s="1" t="s">
        <v>732</v>
      </c>
      <c r="N51" s="1" t="s">
        <v>35</v>
      </c>
      <c r="O51" s="1" t="s">
        <v>729</v>
      </c>
      <c r="P51" s="1" t="s">
        <v>37</v>
      </c>
      <c r="Q51" s="1" t="s">
        <v>179</v>
      </c>
      <c r="R51" s="1" t="s">
        <v>338</v>
      </c>
      <c r="S51" s="1" t="s">
        <v>796</v>
      </c>
      <c r="T51" s="1" t="s">
        <v>797</v>
      </c>
      <c r="U51" s="1">
        <v>8.5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22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  <row r="1252" spans="21:21" x14ac:dyDescent="0.15">
      <c r="U1252" s="1"/>
    </row>
    <row r="1253" spans="21:21" x14ac:dyDescent="0.15">
      <c r="U1253" s="1"/>
    </row>
    <row r="1254" spans="21:21" x14ac:dyDescent="0.15">
      <c r="U1254" s="1"/>
    </row>
    <row r="1255" spans="21:21" x14ac:dyDescent="0.15">
      <c r="U1255" s="1"/>
    </row>
    <row r="1256" spans="21:21" x14ac:dyDescent="0.15">
      <c r="U1256" s="1"/>
    </row>
    <row r="1257" spans="21:21" x14ac:dyDescent="0.15">
      <c r="U1257" s="1"/>
    </row>
    <row r="1258" spans="21:21" x14ac:dyDescent="0.15">
      <c r="U1258" s="1"/>
    </row>
    <row r="1259" spans="21:21" x14ac:dyDescent="0.15">
      <c r="U1259" s="1"/>
    </row>
    <row r="1260" spans="21:21" x14ac:dyDescent="0.15">
      <c r="U1260" s="1"/>
    </row>
    <row r="1261" spans="21:21" x14ac:dyDescent="0.15">
      <c r="U1261" s="1"/>
    </row>
    <row r="1262" spans="21:21" x14ac:dyDescent="0.15">
      <c r="U1262" s="1"/>
    </row>
    <row r="1263" spans="21:21" x14ac:dyDescent="0.15">
      <c r="U1263" s="1"/>
    </row>
    <row r="1264" spans="21:21" x14ac:dyDescent="0.15">
      <c r="U1264" s="1"/>
    </row>
    <row r="1265" spans="21:21" x14ac:dyDescent="0.15">
      <c r="U1265" s="1"/>
    </row>
    <row r="1266" spans="21:21" x14ac:dyDescent="0.15">
      <c r="U1266" s="1"/>
    </row>
    <row r="1267" spans="21:21" x14ac:dyDescent="0.15">
      <c r="U1267" s="1"/>
    </row>
    <row r="1268" spans="21:21" x14ac:dyDescent="0.15">
      <c r="U1268" s="1"/>
    </row>
    <row r="1269" spans="21:21" x14ac:dyDescent="0.15">
      <c r="U1269" s="1"/>
    </row>
    <row r="1270" spans="21:21" x14ac:dyDescent="0.15">
      <c r="U1270" s="1"/>
    </row>
    <row r="1271" spans="21:21" x14ac:dyDescent="0.15">
      <c r="U1271" s="1"/>
    </row>
    <row r="1272" spans="21:21" x14ac:dyDescent="0.15">
      <c r="U1272" s="1"/>
    </row>
    <row r="1273" spans="21:21" x14ac:dyDescent="0.15">
      <c r="U1273" s="1"/>
    </row>
    <row r="1274" spans="21:21" x14ac:dyDescent="0.15">
      <c r="U1274" s="1"/>
    </row>
    <row r="1275" spans="21:21" x14ac:dyDescent="0.15">
      <c r="U1275" s="1"/>
    </row>
    <row r="1276" spans="21:21" x14ac:dyDescent="0.15">
      <c r="U1276" s="1"/>
    </row>
    <row r="1277" spans="21:21" x14ac:dyDescent="0.15">
      <c r="U1277" s="1"/>
    </row>
    <row r="1278" spans="21:21" x14ac:dyDescent="0.15">
      <c r="U1278" s="1"/>
    </row>
    <row r="1279" spans="21:21" x14ac:dyDescent="0.15">
      <c r="U1279" s="1"/>
    </row>
    <row r="1280" spans="21:21" x14ac:dyDescent="0.15">
      <c r="U1280" s="1"/>
    </row>
    <row r="1281" spans="21:21" x14ac:dyDescent="0.15">
      <c r="U1281" s="1"/>
    </row>
    <row r="1282" spans="21:21" x14ac:dyDescent="0.15">
      <c r="U1282" s="1"/>
    </row>
    <row r="1283" spans="21:21" x14ac:dyDescent="0.15">
      <c r="U1283" s="1"/>
    </row>
    <row r="1284" spans="21:21" x14ac:dyDescent="0.15">
      <c r="U1284" s="1"/>
    </row>
    <row r="1285" spans="21:21" x14ac:dyDescent="0.15">
      <c r="U1285" s="1"/>
    </row>
    <row r="1286" spans="21:21" x14ac:dyDescent="0.15">
      <c r="U1286" s="1"/>
    </row>
    <row r="1287" spans="21:21" x14ac:dyDescent="0.15">
      <c r="U1287" s="1"/>
    </row>
    <row r="1288" spans="21:21" x14ac:dyDescent="0.15">
      <c r="U1288" s="1"/>
    </row>
    <row r="1289" spans="21:21" x14ac:dyDescent="0.15">
      <c r="U1289" s="1"/>
    </row>
    <row r="1290" spans="21:21" x14ac:dyDescent="0.15">
      <c r="U1290" s="1"/>
    </row>
    <row r="1291" spans="21:21" x14ac:dyDescent="0.15">
      <c r="U1291" s="1"/>
    </row>
    <row r="1292" spans="21:21" x14ac:dyDescent="0.15">
      <c r="U1292" s="1"/>
    </row>
    <row r="1293" spans="21:21" x14ac:dyDescent="0.15">
      <c r="U1293" s="1"/>
    </row>
    <row r="1294" spans="21:21" x14ac:dyDescent="0.15">
      <c r="U1294" s="1"/>
    </row>
    <row r="1295" spans="21:21" x14ac:dyDescent="0.15">
      <c r="U1295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23"/>
  <sheetViews>
    <sheetView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45</v>
      </c>
      <c r="C1" s="1" t="s">
        <v>1</v>
      </c>
      <c r="D1" s="1" t="s">
        <v>858</v>
      </c>
      <c r="E1" s="1" t="s">
        <v>2</v>
      </c>
      <c r="F1" s="1" t="s">
        <v>846</v>
      </c>
      <c r="G1" s="1" t="s">
        <v>3</v>
      </c>
      <c r="H1" s="1" t="s">
        <v>85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3</v>
      </c>
      <c r="AB2" s="1" t="s">
        <v>919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7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319444444444442</v>
      </c>
      <c r="C4" s="1" t="s">
        <v>855</v>
      </c>
      <c r="D4" s="1" t="s">
        <v>85</v>
      </c>
      <c r="E4" s="1" t="s">
        <v>28</v>
      </c>
      <c r="F4" s="1" t="s">
        <v>167</v>
      </c>
      <c r="G4" s="1" t="s">
        <v>168</v>
      </c>
      <c r="H4" s="1" t="s">
        <v>45</v>
      </c>
      <c r="I4" s="1" t="s">
        <v>169</v>
      </c>
      <c r="J4" s="1" t="s">
        <v>44</v>
      </c>
      <c r="K4" s="1" t="s">
        <v>170</v>
      </c>
      <c r="L4" s="1" t="s">
        <v>34</v>
      </c>
      <c r="N4" s="1" t="s">
        <v>35</v>
      </c>
      <c r="O4" s="1" t="s">
        <v>57</v>
      </c>
      <c r="P4" s="1" t="s">
        <v>37</v>
      </c>
      <c r="Q4" s="1" t="s">
        <v>171</v>
      </c>
      <c r="R4" s="1" t="s">
        <v>172</v>
      </c>
      <c r="S4" s="1" t="s">
        <v>173</v>
      </c>
      <c r="T4" s="1" t="s">
        <v>174</v>
      </c>
      <c r="U4" s="1">
        <v>11.1</v>
      </c>
      <c r="V4" s="4">
        <v>1100</v>
      </c>
      <c r="W4" s="1"/>
      <c r="X4" s="1">
        <v>3.4</v>
      </c>
      <c r="Y4" s="1">
        <v>2.5000000000000001E-2</v>
      </c>
      <c r="Z4" s="1">
        <v>3.0000000000000001E-3</v>
      </c>
      <c r="AA4" s="1"/>
      <c r="AB4" s="1"/>
      <c r="AC4" s="1" t="s">
        <v>881</v>
      </c>
      <c r="AD4" s="1" t="s">
        <v>882</v>
      </c>
      <c r="AE4" s="1" t="s">
        <v>885</v>
      </c>
      <c r="AF4" s="1" t="s">
        <v>884</v>
      </c>
      <c r="AG4" s="1" t="s">
        <v>885</v>
      </c>
      <c r="AH4" s="1" t="s">
        <v>883</v>
      </c>
      <c r="AI4" s="1"/>
      <c r="AJ4" s="1"/>
      <c r="AK4" s="1"/>
      <c r="AL4" s="1" t="s">
        <v>888</v>
      </c>
      <c r="AM4" s="1"/>
      <c r="AN4" s="1"/>
      <c r="AO4" s="1"/>
      <c r="AP4" t="s">
        <v>888</v>
      </c>
      <c r="AQ4" s="1"/>
      <c r="AR4" s="1">
        <v>2.0000000000000001E-4</v>
      </c>
      <c r="AS4" s="1" t="s">
        <v>888</v>
      </c>
      <c r="AT4" s="1"/>
      <c r="AU4" s="1"/>
      <c r="AV4" s="1"/>
      <c r="AW4" s="1"/>
      <c r="AX4" s="1"/>
      <c r="AY4" s="1"/>
      <c r="AZ4" s="1" t="s">
        <v>893</v>
      </c>
      <c r="BA4" s="1">
        <v>0.03</v>
      </c>
      <c r="BB4" s="1" t="s">
        <v>895</v>
      </c>
      <c r="BC4" s="1">
        <v>3.1</v>
      </c>
      <c r="BD4" s="1">
        <v>3.1</v>
      </c>
      <c r="BE4" s="1"/>
      <c r="BF4" s="1" t="s">
        <v>885</v>
      </c>
      <c r="BG4" s="1" t="s">
        <v>885</v>
      </c>
      <c r="BH4" s="1" t="s">
        <v>884</v>
      </c>
      <c r="BI4" s="1" t="s">
        <v>882</v>
      </c>
      <c r="BJ4" s="1"/>
      <c r="BK4" s="1"/>
      <c r="BL4" s="1"/>
      <c r="BM4" s="1" t="s">
        <v>900</v>
      </c>
      <c r="BN4" s="1">
        <v>6.0000000000000001E-3</v>
      </c>
      <c r="BO4" s="1">
        <v>27</v>
      </c>
      <c r="BP4" s="1">
        <v>13</v>
      </c>
      <c r="BQ4" s="1"/>
      <c r="BR4" s="1" t="s">
        <v>90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6319444444444442</v>
      </c>
      <c r="C5" s="1" t="s">
        <v>855</v>
      </c>
      <c r="D5" s="1" t="s">
        <v>85</v>
      </c>
      <c r="E5" s="1" t="s">
        <v>28</v>
      </c>
      <c r="F5" s="1" t="s">
        <v>175</v>
      </c>
      <c r="G5" s="1" t="s">
        <v>176</v>
      </c>
      <c r="H5" s="1" t="s">
        <v>160</v>
      </c>
      <c r="I5" s="1" t="s">
        <v>177</v>
      </c>
      <c r="J5" s="1" t="s">
        <v>44</v>
      </c>
      <c r="K5" s="1" t="s">
        <v>178</v>
      </c>
      <c r="L5" s="1" t="s">
        <v>34</v>
      </c>
      <c r="N5" s="1" t="s">
        <v>35</v>
      </c>
      <c r="O5" s="1" t="s">
        <v>57</v>
      </c>
      <c r="P5" s="1" t="s">
        <v>37</v>
      </c>
      <c r="Q5" s="1" t="s">
        <v>179</v>
      </c>
      <c r="R5" s="1" t="s">
        <v>180</v>
      </c>
      <c r="S5" s="1" t="s">
        <v>181</v>
      </c>
      <c r="T5" s="1" t="s">
        <v>182</v>
      </c>
      <c r="U5" s="1">
        <v>10.9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8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0972222222222221</v>
      </c>
      <c r="C6" s="1" t="s">
        <v>855</v>
      </c>
      <c r="D6" s="1" t="s">
        <v>85</v>
      </c>
      <c r="E6" s="1" t="s">
        <v>28</v>
      </c>
      <c r="F6" s="1" t="s">
        <v>183</v>
      </c>
      <c r="G6" s="1" t="s">
        <v>125</v>
      </c>
      <c r="H6" s="1" t="s">
        <v>45</v>
      </c>
      <c r="I6" s="1" t="s">
        <v>184</v>
      </c>
      <c r="J6" s="1" t="s">
        <v>44</v>
      </c>
      <c r="K6" s="1" t="s">
        <v>185</v>
      </c>
      <c r="L6" s="1" t="s">
        <v>34</v>
      </c>
      <c r="N6" s="1" t="s">
        <v>35</v>
      </c>
      <c r="O6" s="1" t="s">
        <v>57</v>
      </c>
      <c r="P6" s="1" t="s">
        <v>37</v>
      </c>
      <c r="Q6" s="1" t="s">
        <v>186</v>
      </c>
      <c r="R6" s="1" t="s">
        <v>66</v>
      </c>
      <c r="S6" s="1" t="s">
        <v>49</v>
      </c>
      <c r="T6" s="1" t="s">
        <v>60</v>
      </c>
      <c r="U6" s="1">
        <v>8.4</v>
      </c>
      <c r="V6" s="1"/>
      <c r="W6" s="1"/>
      <c r="X6" s="1">
        <v>3.7</v>
      </c>
      <c r="Y6" s="1">
        <v>2.3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 t="s">
        <v>888</v>
      </c>
      <c r="AS6" s="1" t="s">
        <v>888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29</v>
      </c>
      <c r="BP6" s="1">
        <v>15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87</v>
      </c>
      <c r="B7" s="2">
        <v>0.15972222222222224</v>
      </c>
      <c r="C7" s="1" t="s">
        <v>855</v>
      </c>
      <c r="D7" s="1" t="s">
        <v>85</v>
      </c>
      <c r="E7" s="1" t="s">
        <v>28</v>
      </c>
      <c r="F7" s="1" t="s">
        <v>30</v>
      </c>
      <c r="G7" s="1" t="s">
        <v>188</v>
      </c>
      <c r="H7" s="1" t="s">
        <v>45</v>
      </c>
      <c r="I7" s="1" t="s">
        <v>189</v>
      </c>
      <c r="J7" s="1" t="s">
        <v>44</v>
      </c>
      <c r="K7" s="1" t="s">
        <v>190</v>
      </c>
      <c r="L7" s="1" t="s">
        <v>34</v>
      </c>
      <c r="N7" s="1" t="s">
        <v>35</v>
      </c>
      <c r="O7" s="1" t="s">
        <v>57</v>
      </c>
      <c r="P7" s="1" t="s">
        <v>37</v>
      </c>
      <c r="Q7" s="1" t="s">
        <v>191</v>
      </c>
      <c r="R7" s="1" t="s">
        <v>162</v>
      </c>
      <c r="S7" s="1" t="s">
        <v>192</v>
      </c>
      <c r="T7" s="1" t="s">
        <v>41</v>
      </c>
      <c r="U7" s="1">
        <v>7.9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8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193</v>
      </c>
      <c r="B8" s="2">
        <v>0.41666666666666669</v>
      </c>
      <c r="C8" s="1" t="s">
        <v>855</v>
      </c>
      <c r="D8" s="1" t="s">
        <v>27</v>
      </c>
      <c r="E8" s="1" t="s">
        <v>28</v>
      </c>
      <c r="F8" s="1" t="s">
        <v>194</v>
      </c>
      <c r="G8" s="1" t="s">
        <v>53</v>
      </c>
      <c r="H8" s="1" t="s">
        <v>73</v>
      </c>
      <c r="I8" s="1" t="s">
        <v>195</v>
      </c>
      <c r="J8" s="1" t="s">
        <v>44</v>
      </c>
      <c r="K8" s="1" t="s">
        <v>190</v>
      </c>
      <c r="L8" s="1" t="s">
        <v>34</v>
      </c>
      <c r="N8" s="1" t="s">
        <v>35</v>
      </c>
      <c r="O8" s="1" t="s">
        <v>57</v>
      </c>
      <c r="P8" s="1" t="s">
        <v>37</v>
      </c>
      <c r="Q8" s="1" t="s">
        <v>186</v>
      </c>
      <c r="R8" s="1" t="s">
        <v>108</v>
      </c>
      <c r="S8" s="1" t="s">
        <v>196</v>
      </c>
      <c r="T8" s="1" t="s">
        <v>116</v>
      </c>
      <c r="U8" s="1">
        <v>10.1</v>
      </c>
      <c r="V8" s="4">
        <v>4900</v>
      </c>
      <c r="W8" s="1"/>
      <c r="X8" s="1">
        <v>2.9</v>
      </c>
      <c r="Y8" s="1">
        <v>2.4E-2</v>
      </c>
      <c r="Z8" s="1">
        <v>6.0000000000000001E-3</v>
      </c>
      <c r="AA8" s="1"/>
      <c r="AB8" s="1"/>
      <c r="AC8" s="1" t="s">
        <v>881</v>
      </c>
      <c r="AD8" s="1" t="s">
        <v>882</v>
      </c>
      <c r="AE8" s="1" t="s">
        <v>885</v>
      </c>
      <c r="AF8" s="1" t="s">
        <v>884</v>
      </c>
      <c r="AG8" s="1" t="s">
        <v>885</v>
      </c>
      <c r="AH8" s="1" t="s">
        <v>883</v>
      </c>
      <c r="AI8" s="1"/>
      <c r="AJ8" s="1"/>
      <c r="AK8" s="1"/>
      <c r="AL8" s="1" t="s">
        <v>888</v>
      </c>
      <c r="AM8" s="1"/>
      <c r="AN8" s="1"/>
      <c r="AO8" s="1"/>
      <c r="AP8" t="s">
        <v>888</v>
      </c>
      <c r="AQ8" s="1"/>
      <c r="AR8" s="1" t="s">
        <v>888</v>
      </c>
      <c r="AS8" s="1" t="s">
        <v>888</v>
      </c>
      <c r="AT8" s="1"/>
      <c r="AU8" s="1"/>
      <c r="AV8" s="1"/>
      <c r="AW8" s="1"/>
      <c r="AX8" s="1"/>
      <c r="AY8" s="1"/>
      <c r="AZ8" s="1"/>
      <c r="BA8" s="1"/>
      <c r="BB8" s="1" t="s">
        <v>895</v>
      </c>
      <c r="BC8" s="1">
        <v>2.6</v>
      </c>
      <c r="BD8" s="1">
        <v>2.6</v>
      </c>
      <c r="BE8" s="1"/>
      <c r="BF8" s="1"/>
      <c r="BG8" s="1"/>
      <c r="BH8" s="1"/>
      <c r="BI8" s="1"/>
      <c r="BJ8" s="1"/>
      <c r="BK8" s="1"/>
      <c r="BL8" s="1"/>
      <c r="BM8" s="1" t="s">
        <v>900</v>
      </c>
      <c r="BN8" s="1">
        <v>1.4999999999999999E-2</v>
      </c>
      <c r="BO8" s="1">
        <v>24</v>
      </c>
      <c r="BP8" s="1">
        <v>9.9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6666666666666663</v>
      </c>
      <c r="C9" s="1" t="s">
        <v>855</v>
      </c>
      <c r="D9" s="1" t="s">
        <v>27</v>
      </c>
      <c r="E9" s="1" t="s">
        <v>28</v>
      </c>
      <c r="F9" s="1" t="s">
        <v>52</v>
      </c>
      <c r="G9" s="1" t="s">
        <v>107</v>
      </c>
      <c r="H9" s="1" t="s">
        <v>139</v>
      </c>
      <c r="I9" s="1" t="s">
        <v>197</v>
      </c>
      <c r="J9" s="1" t="s">
        <v>72</v>
      </c>
      <c r="K9" s="1" t="s">
        <v>190</v>
      </c>
      <c r="L9" s="1" t="s">
        <v>34</v>
      </c>
      <c r="N9" s="1" t="s">
        <v>35</v>
      </c>
      <c r="O9" s="1" t="s">
        <v>57</v>
      </c>
      <c r="P9" s="1" t="s">
        <v>37</v>
      </c>
      <c r="Q9" s="1" t="s">
        <v>171</v>
      </c>
      <c r="R9" s="1" t="s">
        <v>198</v>
      </c>
      <c r="S9" s="1" t="s">
        <v>196</v>
      </c>
      <c r="T9" s="1" t="s">
        <v>116</v>
      </c>
      <c r="U9" s="1">
        <v>10.199999999999999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5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1666666666666663</v>
      </c>
      <c r="C10" s="1" t="s">
        <v>855</v>
      </c>
      <c r="D10" s="1" t="s">
        <v>27</v>
      </c>
      <c r="E10" s="1" t="s">
        <v>28</v>
      </c>
      <c r="F10" s="1" t="s">
        <v>61</v>
      </c>
      <c r="G10" s="1" t="s">
        <v>29</v>
      </c>
      <c r="H10" s="1" t="s">
        <v>139</v>
      </c>
      <c r="I10" s="1" t="s">
        <v>199</v>
      </c>
      <c r="J10" s="1" t="s">
        <v>44</v>
      </c>
      <c r="K10" s="1" t="s">
        <v>200</v>
      </c>
      <c r="L10" s="1" t="s">
        <v>34</v>
      </c>
      <c r="N10" s="1" t="s">
        <v>35</v>
      </c>
      <c r="O10" s="1" t="s">
        <v>57</v>
      </c>
      <c r="P10" s="1" t="s">
        <v>37</v>
      </c>
      <c r="Q10" s="1" t="s">
        <v>186</v>
      </c>
      <c r="R10" s="1" t="s">
        <v>198</v>
      </c>
      <c r="S10" s="1" t="s">
        <v>121</v>
      </c>
      <c r="T10" s="1" t="s">
        <v>116</v>
      </c>
      <c r="U10" s="1">
        <v>8</v>
      </c>
      <c r="V10" s="1"/>
      <c r="W10" s="1"/>
      <c r="X10" s="1">
        <v>3.1</v>
      </c>
      <c r="Y10" s="1">
        <v>2.5000000000000001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 t="s">
        <v>888</v>
      </c>
      <c r="AS10" s="1" t="s">
        <v>888</v>
      </c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26</v>
      </c>
      <c r="BP10" s="1">
        <v>12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1</v>
      </c>
      <c r="B11" s="2">
        <v>0.15972222222222224</v>
      </c>
      <c r="C11" s="1" t="s">
        <v>855</v>
      </c>
      <c r="D11" s="1" t="s">
        <v>85</v>
      </c>
      <c r="E11" s="1" t="s">
        <v>28</v>
      </c>
      <c r="F11" s="1" t="s">
        <v>202</v>
      </c>
      <c r="G11" s="1" t="s">
        <v>203</v>
      </c>
      <c r="H11" s="1" t="s">
        <v>126</v>
      </c>
      <c r="I11" s="1" t="s">
        <v>204</v>
      </c>
      <c r="J11" s="1" t="s">
        <v>44</v>
      </c>
      <c r="K11" s="1" t="s">
        <v>205</v>
      </c>
      <c r="L11" s="1" t="s">
        <v>34</v>
      </c>
      <c r="N11" s="1" t="s">
        <v>35</v>
      </c>
      <c r="O11" s="1" t="s">
        <v>57</v>
      </c>
      <c r="P11" s="1" t="s">
        <v>37</v>
      </c>
      <c r="Q11" s="1" t="s">
        <v>186</v>
      </c>
      <c r="R11" s="1" t="s">
        <v>198</v>
      </c>
      <c r="S11" s="1" t="s">
        <v>196</v>
      </c>
      <c r="T11" s="1" t="s">
        <v>116</v>
      </c>
      <c r="U11" s="1">
        <v>7.8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6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06</v>
      </c>
      <c r="B12" s="2">
        <v>0.41666666666666669</v>
      </c>
      <c r="C12" s="1" t="s">
        <v>855</v>
      </c>
      <c r="D12" s="1" t="s">
        <v>27</v>
      </c>
      <c r="E12" s="1" t="s">
        <v>857</v>
      </c>
      <c r="F12" s="1" t="s">
        <v>92</v>
      </c>
      <c r="G12" s="1" t="s">
        <v>92</v>
      </c>
      <c r="H12" s="1" t="s">
        <v>207</v>
      </c>
      <c r="I12" s="1" t="s">
        <v>208</v>
      </c>
      <c r="J12" s="1" t="s">
        <v>44</v>
      </c>
      <c r="K12" s="1" t="s">
        <v>209</v>
      </c>
      <c r="L12" s="1" t="s">
        <v>34</v>
      </c>
      <c r="N12" s="1" t="s">
        <v>35</v>
      </c>
      <c r="O12" s="1" t="s">
        <v>57</v>
      </c>
      <c r="P12" s="1" t="s">
        <v>37</v>
      </c>
      <c r="Q12" s="1" t="s">
        <v>210</v>
      </c>
      <c r="R12" s="1" t="s">
        <v>108</v>
      </c>
      <c r="S12" s="1" t="s">
        <v>83</v>
      </c>
      <c r="T12" s="1" t="s">
        <v>60</v>
      </c>
      <c r="U12" s="1">
        <v>11.3</v>
      </c>
      <c r="V12" s="4">
        <v>1700</v>
      </c>
      <c r="W12" s="1"/>
      <c r="X12" s="1">
        <v>2.9</v>
      </c>
      <c r="Y12" s="1">
        <v>2.1999999999999999E-2</v>
      </c>
      <c r="Z12" s="1">
        <v>4.0000000000000001E-3</v>
      </c>
      <c r="AA12" s="1"/>
      <c r="AB12" s="1"/>
      <c r="AC12" s="1" t="s">
        <v>881</v>
      </c>
      <c r="AD12" s="1" t="s">
        <v>882</v>
      </c>
      <c r="AE12" s="1" t="s">
        <v>885</v>
      </c>
      <c r="AF12" s="1" t="s">
        <v>884</v>
      </c>
      <c r="AG12" s="1" t="s">
        <v>885</v>
      </c>
      <c r="AH12" s="1" t="s">
        <v>883</v>
      </c>
      <c r="AI12" s="1"/>
      <c r="AJ12" s="1"/>
      <c r="AK12" s="1"/>
      <c r="AL12" s="1" t="s">
        <v>888</v>
      </c>
      <c r="AM12" s="1"/>
      <c r="AN12" s="1"/>
      <c r="AO12" s="1"/>
      <c r="AP12" t="s">
        <v>888</v>
      </c>
      <c r="AQ12" s="1"/>
      <c r="AR12" s="1" t="s">
        <v>888</v>
      </c>
      <c r="AS12" s="1" t="s">
        <v>888</v>
      </c>
      <c r="AT12" s="1"/>
      <c r="AU12" s="1"/>
      <c r="AV12" s="1"/>
      <c r="AW12" s="1"/>
      <c r="AX12" s="1"/>
      <c r="AY12" s="1"/>
      <c r="AZ12" s="1" t="s">
        <v>893</v>
      </c>
      <c r="BA12" s="1">
        <v>0.02</v>
      </c>
      <c r="BB12" s="1" t="s">
        <v>895</v>
      </c>
      <c r="BC12" s="1">
        <v>2.5</v>
      </c>
      <c r="BD12" s="1">
        <v>2.5</v>
      </c>
      <c r="BE12" s="1"/>
      <c r="BF12" s="1" t="s">
        <v>885</v>
      </c>
      <c r="BG12" s="1" t="s">
        <v>885</v>
      </c>
      <c r="BH12" s="1" t="s">
        <v>884</v>
      </c>
      <c r="BI12" s="1" t="s">
        <v>882</v>
      </c>
      <c r="BJ12" s="1"/>
      <c r="BK12" s="1"/>
      <c r="BL12" s="1"/>
      <c r="BM12" s="1" t="s">
        <v>900</v>
      </c>
      <c r="BN12" s="1">
        <v>8.0000000000000002E-3</v>
      </c>
      <c r="BO12" s="1">
        <v>24</v>
      </c>
      <c r="BP12" s="1">
        <v>11</v>
      </c>
      <c r="BQ12" s="1"/>
      <c r="BR12" s="1" t="s">
        <v>90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6319444444444442</v>
      </c>
      <c r="C13" s="1" t="s">
        <v>855</v>
      </c>
      <c r="D13" s="1" t="s">
        <v>85</v>
      </c>
      <c r="E13" s="1" t="s">
        <v>857</v>
      </c>
      <c r="F13" s="1" t="s">
        <v>52</v>
      </c>
      <c r="G13" s="1" t="s">
        <v>211</v>
      </c>
      <c r="H13" s="1" t="s">
        <v>45</v>
      </c>
      <c r="I13" s="1" t="s">
        <v>184</v>
      </c>
      <c r="J13" s="1" t="s">
        <v>44</v>
      </c>
      <c r="K13" s="1" t="s">
        <v>209</v>
      </c>
      <c r="L13" s="1" t="s">
        <v>34</v>
      </c>
      <c r="N13" s="1" t="s">
        <v>35</v>
      </c>
      <c r="O13" s="1" t="s">
        <v>57</v>
      </c>
      <c r="P13" s="1" t="s">
        <v>37</v>
      </c>
      <c r="Q13" s="1" t="s">
        <v>89</v>
      </c>
      <c r="R13" s="1" t="s">
        <v>66</v>
      </c>
      <c r="S13" s="1" t="s">
        <v>40</v>
      </c>
      <c r="T13" s="1" t="s">
        <v>41</v>
      </c>
      <c r="U13" s="1">
        <v>13.1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3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0972222222222221</v>
      </c>
      <c r="C14" s="1" t="s">
        <v>855</v>
      </c>
      <c r="D14" s="1" t="s">
        <v>85</v>
      </c>
      <c r="E14" s="1" t="s">
        <v>857</v>
      </c>
      <c r="F14" s="1" t="s">
        <v>212</v>
      </c>
      <c r="G14" s="1" t="s">
        <v>212</v>
      </c>
      <c r="H14" s="1" t="s">
        <v>119</v>
      </c>
      <c r="I14" s="1" t="s">
        <v>184</v>
      </c>
      <c r="J14" s="1" t="s">
        <v>44</v>
      </c>
      <c r="K14" s="1" t="s">
        <v>209</v>
      </c>
      <c r="L14" s="1" t="s">
        <v>34</v>
      </c>
      <c r="N14" s="1" t="s">
        <v>35</v>
      </c>
      <c r="O14" s="1" t="s">
        <v>57</v>
      </c>
      <c r="P14" s="1" t="s">
        <v>37</v>
      </c>
      <c r="Q14" s="1" t="s">
        <v>186</v>
      </c>
      <c r="R14" s="1" t="s">
        <v>162</v>
      </c>
      <c r="S14" s="1" t="s">
        <v>173</v>
      </c>
      <c r="T14" s="1" t="s">
        <v>41</v>
      </c>
      <c r="U14" s="1">
        <v>7.5</v>
      </c>
      <c r="V14" s="1"/>
      <c r="W14" s="1"/>
      <c r="X14" s="1">
        <v>3.1</v>
      </c>
      <c r="Y14" s="1">
        <v>2.1999999999999999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 t="s">
        <v>888</v>
      </c>
      <c r="AS14" s="1" t="s">
        <v>888</v>
      </c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24</v>
      </c>
      <c r="BP14" s="1">
        <v>1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13</v>
      </c>
      <c r="B15" s="2">
        <v>0.15972222222222224</v>
      </c>
      <c r="C15" s="1" t="s">
        <v>855</v>
      </c>
      <c r="D15" s="1" t="s">
        <v>85</v>
      </c>
      <c r="E15" s="1" t="s">
        <v>857</v>
      </c>
      <c r="F15" s="1" t="s">
        <v>110</v>
      </c>
      <c r="G15" s="1" t="s">
        <v>214</v>
      </c>
      <c r="H15" s="1" t="s">
        <v>78</v>
      </c>
      <c r="I15" s="1" t="s">
        <v>215</v>
      </c>
      <c r="J15" s="1" t="s">
        <v>72</v>
      </c>
      <c r="K15" s="1" t="s">
        <v>209</v>
      </c>
      <c r="L15" s="1" t="s">
        <v>34</v>
      </c>
      <c r="N15" s="1" t="s">
        <v>35</v>
      </c>
      <c r="O15" s="1" t="s">
        <v>57</v>
      </c>
      <c r="P15" s="1" t="s">
        <v>37</v>
      </c>
      <c r="Q15" s="1" t="s">
        <v>145</v>
      </c>
      <c r="R15" s="1" t="s">
        <v>66</v>
      </c>
      <c r="S15" s="1" t="s">
        <v>216</v>
      </c>
      <c r="T15" s="1" t="s">
        <v>41</v>
      </c>
      <c r="U15" s="1">
        <v>7.3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3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4</v>
      </c>
      <c r="B16" s="2">
        <v>0.40972222222222227</v>
      </c>
      <c r="C16" s="1" t="s">
        <v>855</v>
      </c>
      <c r="D16" s="1" t="s">
        <v>85</v>
      </c>
      <c r="E16" s="1" t="s">
        <v>28</v>
      </c>
      <c r="F16" s="1" t="s">
        <v>217</v>
      </c>
      <c r="G16" s="1" t="s">
        <v>218</v>
      </c>
      <c r="H16" s="1" t="s">
        <v>33</v>
      </c>
      <c r="I16" s="1" t="s">
        <v>219</v>
      </c>
      <c r="J16" s="1" t="s">
        <v>79</v>
      </c>
      <c r="K16" s="1" t="s">
        <v>126</v>
      </c>
      <c r="L16" s="1" t="s">
        <v>34</v>
      </c>
      <c r="N16" s="1" t="s">
        <v>35</v>
      </c>
      <c r="O16" s="1" t="s">
        <v>57</v>
      </c>
      <c r="P16" s="1" t="s">
        <v>37</v>
      </c>
      <c r="Q16" s="1" t="s">
        <v>75</v>
      </c>
      <c r="R16" s="1" t="s">
        <v>196</v>
      </c>
      <c r="S16" s="1" t="s">
        <v>220</v>
      </c>
      <c r="T16" s="1" t="s">
        <v>174</v>
      </c>
      <c r="U16" s="1">
        <v>12.4</v>
      </c>
      <c r="V16" s="4">
        <v>490</v>
      </c>
      <c r="W16" s="1"/>
      <c r="X16" s="1">
        <v>2.8</v>
      </c>
      <c r="Y16" s="1">
        <v>2.3E-2</v>
      </c>
      <c r="Z16" s="1">
        <v>4.0000000000000001E-3</v>
      </c>
      <c r="AA16" s="1"/>
      <c r="AB16" s="1"/>
      <c r="AC16" s="1" t="s">
        <v>881</v>
      </c>
      <c r="AD16" s="1" t="s">
        <v>882</v>
      </c>
      <c r="AE16" s="1" t="s">
        <v>885</v>
      </c>
      <c r="AF16" s="1" t="s">
        <v>884</v>
      </c>
      <c r="AG16" s="1" t="s">
        <v>885</v>
      </c>
      <c r="AH16" s="1" t="s">
        <v>883</v>
      </c>
      <c r="AI16" s="1"/>
      <c r="AJ16" s="1"/>
      <c r="AK16" s="1"/>
      <c r="AL16" s="1" t="s">
        <v>888</v>
      </c>
      <c r="AM16" s="1"/>
      <c r="AN16" s="1"/>
      <c r="AO16" s="1"/>
      <c r="AP16" t="s">
        <v>888</v>
      </c>
      <c r="AQ16" s="1"/>
      <c r="AR16" s="1">
        <v>2.0000000000000001E-4</v>
      </c>
      <c r="AS16" s="1" t="s">
        <v>888</v>
      </c>
      <c r="AT16" s="1"/>
      <c r="AU16" s="1"/>
      <c r="AV16" s="1"/>
      <c r="AW16" s="1"/>
      <c r="AX16" s="1"/>
      <c r="AY16" s="1"/>
      <c r="AZ16" s="1"/>
      <c r="BA16" s="1"/>
      <c r="BB16" s="1">
        <v>0.05</v>
      </c>
      <c r="BC16" s="1">
        <v>2.5</v>
      </c>
      <c r="BD16" s="1">
        <v>2.5</v>
      </c>
      <c r="BE16" s="1"/>
      <c r="BF16" s="1"/>
      <c r="BG16" s="1"/>
      <c r="BH16" s="1"/>
      <c r="BI16" s="1"/>
      <c r="BJ16" s="1"/>
      <c r="BK16" s="1"/>
      <c r="BL16" s="1"/>
      <c r="BM16" s="1" t="s">
        <v>900</v>
      </c>
      <c r="BN16" s="1" t="s">
        <v>885</v>
      </c>
      <c r="BO16" s="1">
        <v>27</v>
      </c>
      <c r="BP16" s="1">
        <v>13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5972222222222221</v>
      </c>
      <c r="C17" s="1" t="s">
        <v>855</v>
      </c>
      <c r="D17" s="1" t="s">
        <v>85</v>
      </c>
      <c r="E17" s="1" t="s">
        <v>28</v>
      </c>
      <c r="F17" s="1" t="s">
        <v>221</v>
      </c>
      <c r="G17" s="1" t="s">
        <v>222</v>
      </c>
      <c r="H17" s="1" t="s">
        <v>74</v>
      </c>
      <c r="I17" s="1" t="s">
        <v>223</v>
      </c>
      <c r="J17" s="1" t="s">
        <v>79</v>
      </c>
      <c r="K17" s="1" t="s">
        <v>139</v>
      </c>
      <c r="L17" s="1" t="s">
        <v>34</v>
      </c>
      <c r="N17" s="1" t="s">
        <v>35</v>
      </c>
      <c r="O17" s="1" t="s">
        <v>57</v>
      </c>
      <c r="P17" s="1" t="s">
        <v>37</v>
      </c>
      <c r="Q17" s="1" t="s">
        <v>134</v>
      </c>
      <c r="R17" s="1" t="s">
        <v>180</v>
      </c>
      <c r="S17" s="1" t="s">
        <v>220</v>
      </c>
      <c r="T17" s="1" t="s">
        <v>174</v>
      </c>
      <c r="U17" s="1">
        <v>12.4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6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0972222222222221</v>
      </c>
      <c r="C18" s="1" t="s">
        <v>855</v>
      </c>
      <c r="D18" s="1" t="s">
        <v>85</v>
      </c>
      <c r="E18" s="1" t="s">
        <v>28</v>
      </c>
      <c r="F18" s="1" t="s">
        <v>211</v>
      </c>
      <c r="G18" s="1" t="s">
        <v>107</v>
      </c>
      <c r="H18" s="1" t="s">
        <v>224</v>
      </c>
      <c r="I18" s="1" t="s">
        <v>225</v>
      </c>
      <c r="J18" s="1" t="s">
        <v>79</v>
      </c>
      <c r="K18" s="1" t="s">
        <v>126</v>
      </c>
      <c r="L18" s="1" t="s">
        <v>34</v>
      </c>
      <c r="N18" s="1" t="s">
        <v>35</v>
      </c>
      <c r="O18" s="1" t="s">
        <v>57</v>
      </c>
      <c r="P18" s="1" t="s">
        <v>37</v>
      </c>
      <c r="Q18" s="1" t="s">
        <v>179</v>
      </c>
      <c r="R18" s="1" t="s">
        <v>151</v>
      </c>
      <c r="S18" s="1" t="s">
        <v>226</v>
      </c>
      <c r="T18" s="1" t="s">
        <v>41</v>
      </c>
      <c r="U18" s="1">
        <v>6.7</v>
      </c>
      <c r="V18" s="1"/>
      <c r="W18" s="1"/>
      <c r="X18" s="1">
        <v>3</v>
      </c>
      <c r="Y18" s="1">
        <v>1.4999999999999999E-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 t="s">
        <v>888</v>
      </c>
      <c r="AS18" s="1" t="s">
        <v>888</v>
      </c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28</v>
      </c>
      <c r="BP18" s="1">
        <v>13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27</v>
      </c>
      <c r="B19" s="2">
        <v>0.15972222222222224</v>
      </c>
      <c r="C19" s="1" t="s">
        <v>855</v>
      </c>
      <c r="D19" s="1" t="s">
        <v>85</v>
      </c>
      <c r="E19" s="1" t="s">
        <v>28</v>
      </c>
      <c r="F19" s="1" t="s">
        <v>70</v>
      </c>
      <c r="G19" s="1" t="s">
        <v>212</v>
      </c>
      <c r="H19" s="1" t="s">
        <v>74</v>
      </c>
      <c r="I19" s="1" t="s">
        <v>189</v>
      </c>
      <c r="J19" s="1" t="s">
        <v>79</v>
      </c>
      <c r="K19" s="1" t="s">
        <v>228</v>
      </c>
      <c r="L19" s="1" t="s">
        <v>34</v>
      </c>
      <c r="N19" s="1" t="s">
        <v>35</v>
      </c>
      <c r="O19" s="1" t="s">
        <v>57</v>
      </c>
      <c r="P19" s="1" t="s">
        <v>37</v>
      </c>
      <c r="Q19" s="1" t="s">
        <v>179</v>
      </c>
      <c r="R19" s="1" t="s">
        <v>172</v>
      </c>
      <c r="S19" s="1" t="s">
        <v>220</v>
      </c>
      <c r="T19" s="1" t="s">
        <v>41</v>
      </c>
      <c r="U19" s="1">
        <v>6.2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28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97</v>
      </c>
      <c r="B20" s="2">
        <v>0.41666666666666669</v>
      </c>
      <c r="C20" s="1" t="s">
        <v>855</v>
      </c>
      <c r="D20" s="1" t="s">
        <v>27</v>
      </c>
      <c r="E20" s="1" t="s">
        <v>28</v>
      </c>
      <c r="F20" s="1" t="s">
        <v>229</v>
      </c>
      <c r="G20" s="1" t="s">
        <v>230</v>
      </c>
      <c r="H20" s="1" t="s">
        <v>47</v>
      </c>
      <c r="I20" s="1" t="s">
        <v>209</v>
      </c>
      <c r="J20" s="1" t="s">
        <v>72</v>
      </c>
      <c r="K20" s="1" t="s">
        <v>184</v>
      </c>
      <c r="L20" s="1" t="s">
        <v>34</v>
      </c>
      <c r="N20" s="1" t="s">
        <v>35</v>
      </c>
      <c r="O20" s="1" t="s">
        <v>57</v>
      </c>
      <c r="P20" s="1" t="s">
        <v>37</v>
      </c>
      <c r="Q20" s="1" t="s">
        <v>81</v>
      </c>
      <c r="R20" s="1" t="s">
        <v>231</v>
      </c>
      <c r="S20" s="1" t="s">
        <v>192</v>
      </c>
      <c r="T20" s="1" t="s">
        <v>60</v>
      </c>
      <c r="U20" s="1">
        <v>11.3</v>
      </c>
      <c r="V20" s="4">
        <v>7900</v>
      </c>
      <c r="W20" s="1" t="s">
        <v>887</v>
      </c>
      <c r="X20" s="1">
        <v>2.6</v>
      </c>
      <c r="Y20" s="1">
        <v>3.3000000000000002E-2</v>
      </c>
      <c r="Z20" s="1">
        <v>1E-3</v>
      </c>
      <c r="AA20" s="1" t="s">
        <v>926</v>
      </c>
      <c r="AB20" s="1" t="s">
        <v>933</v>
      </c>
      <c r="AC20" s="1" t="s">
        <v>881</v>
      </c>
      <c r="AD20" s="1" t="s">
        <v>882</v>
      </c>
      <c r="AE20" s="1" t="s">
        <v>885</v>
      </c>
      <c r="AF20" s="1" t="s">
        <v>884</v>
      </c>
      <c r="AG20" s="1" t="s">
        <v>885</v>
      </c>
      <c r="AH20" s="1" t="s">
        <v>883</v>
      </c>
      <c r="AI20" s="1"/>
      <c r="AJ20" s="1"/>
      <c r="AK20" s="1" t="s">
        <v>888</v>
      </c>
      <c r="AL20" s="1" t="s">
        <v>888</v>
      </c>
      <c r="AM20" s="1" t="s">
        <v>888</v>
      </c>
      <c r="AN20" s="1" t="s">
        <v>888</v>
      </c>
      <c r="AO20" s="1" t="s">
        <v>888</v>
      </c>
      <c r="AP20" t="s">
        <v>888</v>
      </c>
      <c r="AQ20" s="1" t="s">
        <v>888</v>
      </c>
      <c r="AR20" s="1" t="s">
        <v>888</v>
      </c>
      <c r="AS20" s="1" t="s">
        <v>888</v>
      </c>
      <c r="AT20" s="1" t="s">
        <v>896</v>
      </c>
      <c r="AU20" s="1" t="s">
        <v>883</v>
      </c>
      <c r="AV20" s="1" t="s">
        <v>881</v>
      </c>
      <c r="AW20" s="1" t="s">
        <v>881</v>
      </c>
      <c r="AX20" s="1" t="s">
        <v>888</v>
      </c>
      <c r="AY20" s="1" t="s">
        <v>894</v>
      </c>
      <c r="AZ20" s="1" t="s">
        <v>893</v>
      </c>
      <c r="BA20" s="1">
        <v>0.02</v>
      </c>
      <c r="BB20" s="1" t="s">
        <v>895</v>
      </c>
      <c r="BC20" s="1">
        <v>2.2999999999999998</v>
      </c>
      <c r="BD20" s="1">
        <v>2.2999999999999998</v>
      </c>
      <c r="BE20" s="1" t="s">
        <v>885</v>
      </c>
      <c r="BF20" s="1" t="s">
        <v>885</v>
      </c>
      <c r="BG20" s="1" t="s">
        <v>885</v>
      </c>
      <c r="BH20" s="1" t="s">
        <v>884</v>
      </c>
      <c r="BI20" s="1" t="s">
        <v>882</v>
      </c>
      <c r="BJ20" s="1"/>
      <c r="BK20" s="1"/>
      <c r="BL20" s="1" t="s">
        <v>902</v>
      </c>
      <c r="BM20" s="1" t="s">
        <v>900</v>
      </c>
      <c r="BN20" s="1">
        <v>1.7999999999999999E-2</v>
      </c>
      <c r="BO20" s="1">
        <v>25</v>
      </c>
      <c r="BP20" s="1">
        <v>10</v>
      </c>
      <c r="BQ20" s="1"/>
      <c r="BR20" s="1" t="s">
        <v>90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6666666666666663</v>
      </c>
      <c r="C21" s="1" t="s">
        <v>855</v>
      </c>
      <c r="D21" s="1" t="s">
        <v>27</v>
      </c>
      <c r="E21" s="1" t="s">
        <v>28</v>
      </c>
      <c r="F21" s="1" t="s">
        <v>232</v>
      </c>
      <c r="G21" s="1" t="s">
        <v>233</v>
      </c>
      <c r="H21" s="1" t="s">
        <v>47</v>
      </c>
      <c r="I21" s="1" t="s">
        <v>190</v>
      </c>
      <c r="J21" s="1" t="s">
        <v>72</v>
      </c>
      <c r="K21" s="1" t="s">
        <v>234</v>
      </c>
      <c r="L21" s="1" t="s">
        <v>34</v>
      </c>
      <c r="N21" s="1" t="s">
        <v>35</v>
      </c>
      <c r="O21" s="1" t="s">
        <v>57</v>
      </c>
      <c r="P21" s="1" t="s">
        <v>37</v>
      </c>
      <c r="Q21" s="1" t="s">
        <v>89</v>
      </c>
      <c r="R21" s="1" t="s">
        <v>66</v>
      </c>
      <c r="S21" s="1" t="s">
        <v>226</v>
      </c>
      <c r="T21" s="1" t="s">
        <v>60</v>
      </c>
      <c r="U21" s="1">
        <v>12.2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24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1666666666666663</v>
      </c>
      <c r="C22" s="1" t="s">
        <v>855</v>
      </c>
      <c r="D22" s="1" t="s">
        <v>27</v>
      </c>
      <c r="E22" s="1" t="s">
        <v>28</v>
      </c>
      <c r="F22" s="1" t="s">
        <v>235</v>
      </c>
      <c r="G22" s="1" t="s">
        <v>236</v>
      </c>
      <c r="H22" s="1" t="s">
        <v>55</v>
      </c>
      <c r="I22" s="1" t="s">
        <v>237</v>
      </c>
      <c r="J22" s="1" t="s">
        <v>44</v>
      </c>
      <c r="K22" s="1" t="s">
        <v>169</v>
      </c>
      <c r="L22" s="1" t="s">
        <v>34</v>
      </c>
      <c r="N22" s="1" t="s">
        <v>35</v>
      </c>
      <c r="O22" s="1" t="s">
        <v>57</v>
      </c>
      <c r="P22" s="1" t="s">
        <v>37</v>
      </c>
      <c r="Q22" s="1" t="s">
        <v>186</v>
      </c>
      <c r="R22" s="1" t="s">
        <v>101</v>
      </c>
      <c r="S22" s="1" t="s">
        <v>180</v>
      </c>
      <c r="T22" s="1" t="s">
        <v>60</v>
      </c>
      <c r="U22" s="1">
        <v>6.5</v>
      </c>
      <c r="V22" s="1"/>
      <c r="W22" s="1" t="s">
        <v>887</v>
      </c>
      <c r="X22" s="1">
        <v>2.9</v>
      </c>
      <c r="Y22" s="1">
        <v>1.6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 t="s">
        <v>888</v>
      </c>
      <c r="AS22" s="1" t="s">
        <v>888</v>
      </c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25</v>
      </c>
      <c r="BP22" s="1">
        <v>12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38</v>
      </c>
      <c r="B23" s="2">
        <v>0.15625</v>
      </c>
      <c r="C23" s="1" t="s">
        <v>855</v>
      </c>
      <c r="D23" s="1" t="s">
        <v>27</v>
      </c>
      <c r="E23" s="1" t="s">
        <v>28</v>
      </c>
      <c r="F23" s="1" t="s">
        <v>239</v>
      </c>
      <c r="G23" s="1" t="s">
        <v>240</v>
      </c>
      <c r="H23" s="1" t="s">
        <v>150</v>
      </c>
      <c r="I23" s="1" t="s">
        <v>219</v>
      </c>
      <c r="J23" s="1" t="s">
        <v>72</v>
      </c>
      <c r="K23" s="1" t="s">
        <v>177</v>
      </c>
      <c r="L23" s="1" t="s">
        <v>34</v>
      </c>
      <c r="N23" s="1" t="s">
        <v>35</v>
      </c>
      <c r="O23" s="1" t="s">
        <v>57</v>
      </c>
      <c r="P23" s="1" t="s">
        <v>37</v>
      </c>
      <c r="Q23" s="1" t="s">
        <v>186</v>
      </c>
      <c r="R23" s="1" t="s">
        <v>101</v>
      </c>
      <c r="S23" s="1" t="s">
        <v>173</v>
      </c>
      <c r="T23" s="1" t="s">
        <v>60</v>
      </c>
      <c r="U23" s="1">
        <v>5.9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26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1</v>
      </c>
      <c r="B24" s="2">
        <v>0.41666666666666669</v>
      </c>
      <c r="C24" s="1" t="s">
        <v>855</v>
      </c>
      <c r="D24" s="1" t="s">
        <v>85</v>
      </c>
      <c r="E24" s="1" t="s">
        <v>857</v>
      </c>
      <c r="F24" s="1" t="s">
        <v>242</v>
      </c>
      <c r="G24" s="1" t="s">
        <v>106</v>
      </c>
      <c r="H24" s="1" t="s">
        <v>243</v>
      </c>
      <c r="I24" s="1" t="s">
        <v>244</v>
      </c>
      <c r="J24" s="1" t="s">
        <v>79</v>
      </c>
      <c r="K24" s="1" t="s">
        <v>94</v>
      </c>
      <c r="L24" s="1" t="s">
        <v>34</v>
      </c>
      <c r="N24" s="1" t="s">
        <v>35</v>
      </c>
      <c r="O24" s="1" t="s">
        <v>57</v>
      </c>
      <c r="P24" s="1" t="s">
        <v>37</v>
      </c>
      <c r="Q24" s="1" t="s">
        <v>179</v>
      </c>
      <c r="R24" s="1" t="s">
        <v>245</v>
      </c>
      <c r="S24" s="1" t="s">
        <v>196</v>
      </c>
      <c r="T24" s="1" t="s">
        <v>116</v>
      </c>
      <c r="U24" s="1">
        <v>9.8000000000000007</v>
      </c>
      <c r="V24" s="4">
        <v>11000</v>
      </c>
      <c r="W24" s="1"/>
      <c r="X24" s="1">
        <v>2.2000000000000002</v>
      </c>
      <c r="Y24" s="1">
        <v>3.3000000000000002E-2</v>
      </c>
      <c r="Z24" s="1">
        <v>4.0000000000000001E-3</v>
      </c>
      <c r="AA24" s="1"/>
      <c r="AB24" s="1"/>
      <c r="AC24" s="1" t="s">
        <v>881</v>
      </c>
      <c r="AD24" s="1" t="s">
        <v>882</v>
      </c>
      <c r="AE24" s="1" t="s">
        <v>885</v>
      </c>
      <c r="AF24" s="1" t="s">
        <v>884</v>
      </c>
      <c r="AG24" s="1" t="s">
        <v>885</v>
      </c>
      <c r="AH24" s="1" t="s">
        <v>883</v>
      </c>
      <c r="AI24" s="1"/>
      <c r="AJ24" s="1"/>
      <c r="AK24" s="1"/>
      <c r="AL24" s="1" t="s">
        <v>888</v>
      </c>
      <c r="AM24" s="1"/>
      <c r="AN24" s="1"/>
      <c r="AO24" s="1"/>
      <c r="AP24" t="s">
        <v>888</v>
      </c>
      <c r="AQ24" s="1"/>
      <c r="AR24" s="1">
        <v>2.0000000000000001E-4</v>
      </c>
      <c r="AS24" s="1" t="s">
        <v>888</v>
      </c>
      <c r="AT24" s="1"/>
      <c r="AU24" s="1"/>
      <c r="AV24" s="1"/>
      <c r="AW24" s="1"/>
      <c r="AX24" s="1"/>
      <c r="AY24" s="1"/>
      <c r="AZ24" s="1"/>
      <c r="BA24" s="1"/>
      <c r="BB24" s="1" t="s">
        <v>895</v>
      </c>
      <c r="BC24" s="1">
        <v>1.9</v>
      </c>
      <c r="BD24" s="1">
        <v>1.9</v>
      </c>
      <c r="BE24" s="1"/>
      <c r="BF24" s="1"/>
      <c r="BG24" s="1"/>
      <c r="BH24" s="1"/>
      <c r="BI24" s="1"/>
      <c r="BJ24" s="1"/>
      <c r="BK24" s="1"/>
      <c r="BL24" s="1"/>
      <c r="BM24" s="1" t="s">
        <v>900</v>
      </c>
      <c r="BN24" s="1">
        <v>2.5000000000000001E-2</v>
      </c>
      <c r="BO24" s="1">
        <v>20</v>
      </c>
      <c r="BP24" s="1">
        <v>7.6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6666666666666663</v>
      </c>
      <c r="C25" s="1" t="s">
        <v>855</v>
      </c>
      <c r="D25" s="1" t="s">
        <v>85</v>
      </c>
      <c r="E25" s="1" t="s">
        <v>857</v>
      </c>
      <c r="F25" s="1" t="s">
        <v>246</v>
      </c>
      <c r="G25" s="1" t="s">
        <v>113</v>
      </c>
      <c r="H25" s="1" t="s">
        <v>247</v>
      </c>
      <c r="I25" s="1" t="s">
        <v>248</v>
      </c>
      <c r="J25" s="1" t="s">
        <v>79</v>
      </c>
      <c r="K25" s="1" t="s">
        <v>94</v>
      </c>
      <c r="L25" s="1" t="s">
        <v>34</v>
      </c>
      <c r="N25" s="1" t="s">
        <v>35</v>
      </c>
      <c r="O25" s="1" t="s">
        <v>57</v>
      </c>
      <c r="P25" s="1" t="s">
        <v>37</v>
      </c>
      <c r="Q25" s="1" t="s">
        <v>171</v>
      </c>
      <c r="R25" s="1" t="s">
        <v>245</v>
      </c>
      <c r="S25" s="1" t="s">
        <v>82</v>
      </c>
      <c r="T25" s="1" t="s">
        <v>116</v>
      </c>
      <c r="U25" s="1">
        <v>9.1999999999999993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22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1666666666666663</v>
      </c>
      <c r="C26" s="1" t="s">
        <v>855</v>
      </c>
      <c r="D26" s="1" t="s">
        <v>85</v>
      </c>
      <c r="E26" s="1" t="s">
        <v>857</v>
      </c>
      <c r="F26" s="1" t="s">
        <v>249</v>
      </c>
      <c r="G26" s="1" t="s">
        <v>250</v>
      </c>
      <c r="H26" s="1" t="s">
        <v>247</v>
      </c>
      <c r="I26" s="1" t="s">
        <v>251</v>
      </c>
      <c r="J26" s="1" t="s">
        <v>79</v>
      </c>
      <c r="K26" s="1" t="s">
        <v>139</v>
      </c>
      <c r="L26" s="1" t="s">
        <v>34</v>
      </c>
      <c r="N26" s="1" t="s">
        <v>35</v>
      </c>
      <c r="O26" s="1" t="s">
        <v>57</v>
      </c>
      <c r="P26" s="1" t="s">
        <v>37</v>
      </c>
      <c r="Q26" s="1" t="s">
        <v>186</v>
      </c>
      <c r="R26" s="1" t="s">
        <v>245</v>
      </c>
      <c r="S26" s="1" t="s">
        <v>115</v>
      </c>
      <c r="T26" s="1" t="s">
        <v>116</v>
      </c>
      <c r="U26" s="1">
        <v>7.8</v>
      </c>
      <c r="V26" s="1"/>
      <c r="W26" s="1"/>
      <c r="X26" s="1">
        <v>2.6</v>
      </c>
      <c r="Y26" s="1">
        <v>3.4000000000000002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>
        <v>2.0000000000000001E-4</v>
      </c>
      <c r="AS26" s="1" t="s">
        <v>888</v>
      </c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24</v>
      </c>
      <c r="BP26" s="1">
        <v>11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252</v>
      </c>
      <c r="B27" s="2">
        <v>0.16666666666666666</v>
      </c>
      <c r="C27" s="1" t="s">
        <v>855</v>
      </c>
      <c r="D27" s="1" t="s">
        <v>85</v>
      </c>
      <c r="E27" s="1" t="s">
        <v>857</v>
      </c>
      <c r="F27" s="1" t="s">
        <v>253</v>
      </c>
      <c r="G27" s="1" t="s">
        <v>106</v>
      </c>
      <c r="H27" s="1" t="s">
        <v>254</v>
      </c>
      <c r="I27" s="1" t="s">
        <v>204</v>
      </c>
      <c r="J27" s="1" t="s">
        <v>79</v>
      </c>
      <c r="K27" s="1" t="s">
        <v>73</v>
      </c>
      <c r="L27" s="1" t="s">
        <v>34</v>
      </c>
      <c r="N27" s="1" t="s">
        <v>35</v>
      </c>
      <c r="O27" s="1" t="s">
        <v>57</v>
      </c>
      <c r="P27" s="1" t="s">
        <v>37</v>
      </c>
      <c r="Q27" s="1" t="s">
        <v>186</v>
      </c>
      <c r="R27" s="1" t="s">
        <v>255</v>
      </c>
      <c r="S27" s="1" t="s">
        <v>180</v>
      </c>
      <c r="T27" s="1" t="s">
        <v>116</v>
      </c>
      <c r="U27" s="1">
        <v>7.5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5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56</v>
      </c>
      <c r="B28" s="2">
        <v>0.40972222222222227</v>
      </c>
      <c r="C28" s="1" t="s">
        <v>855</v>
      </c>
      <c r="D28" s="1" t="s">
        <v>85</v>
      </c>
      <c r="E28" s="1" t="s">
        <v>28</v>
      </c>
      <c r="F28" s="1" t="s">
        <v>106</v>
      </c>
      <c r="G28" s="1" t="s">
        <v>257</v>
      </c>
      <c r="H28" s="1" t="s">
        <v>258</v>
      </c>
      <c r="I28" s="1" t="s">
        <v>259</v>
      </c>
      <c r="J28" s="1" t="s">
        <v>79</v>
      </c>
      <c r="K28" s="1" t="s">
        <v>169</v>
      </c>
      <c r="L28" s="1" t="s">
        <v>34</v>
      </c>
      <c r="N28" s="1" t="s">
        <v>35</v>
      </c>
      <c r="O28" s="1" t="s">
        <v>57</v>
      </c>
      <c r="P28" s="1" t="s">
        <v>37</v>
      </c>
      <c r="Q28" s="1" t="s">
        <v>179</v>
      </c>
      <c r="R28" s="1" t="s">
        <v>255</v>
      </c>
      <c r="S28" s="1" t="s">
        <v>90</v>
      </c>
      <c r="T28" s="1" t="s">
        <v>60</v>
      </c>
      <c r="U28" s="1">
        <v>9.1</v>
      </c>
      <c r="V28" s="4">
        <v>7000</v>
      </c>
      <c r="W28" s="1"/>
      <c r="X28" s="1">
        <v>3.1</v>
      </c>
      <c r="Y28" s="1">
        <v>3.5999999999999997E-2</v>
      </c>
      <c r="Z28" s="1">
        <v>4.0000000000000001E-3</v>
      </c>
      <c r="AC28" s="1" t="s">
        <v>881</v>
      </c>
      <c r="AD28" s="1" t="s">
        <v>882</v>
      </c>
      <c r="AE28" s="1" t="s">
        <v>885</v>
      </c>
      <c r="AF28" s="1" t="s">
        <v>884</v>
      </c>
      <c r="AG28" s="1" t="s">
        <v>885</v>
      </c>
      <c r="AH28" s="1" t="s">
        <v>883</v>
      </c>
      <c r="AI28" s="1"/>
      <c r="AJ28" s="1"/>
      <c r="AK28" s="1"/>
      <c r="AL28" s="1" t="s">
        <v>888</v>
      </c>
      <c r="AM28" s="1"/>
      <c r="AN28" s="1"/>
      <c r="AO28" s="1"/>
      <c r="AP28" t="s">
        <v>888</v>
      </c>
      <c r="AQ28" s="1"/>
      <c r="AR28" s="1" t="s">
        <v>888</v>
      </c>
      <c r="AS28" s="1" t="s">
        <v>888</v>
      </c>
      <c r="AT28" s="1"/>
      <c r="AU28" s="1"/>
      <c r="AV28" s="1"/>
      <c r="AW28" s="1"/>
      <c r="AX28" s="1"/>
      <c r="AY28" s="1"/>
      <c r="AZ28" s="1" t="s">
        <v>893</v>
      </c>
      <c r="BA28" s="1" t="s">
        <v>884</v>
      </c>
      <c r="BB28" s="1" t="s">
        <v>895</v>
      </c>
      <c r="BC28" s="1">
        <v>2.8</v>
      </c>
      <c r="BD28" s="1">
        <v>2.8</v>
      </c>
      <c r="BF28" s="1" t="s">
        <v>885</v>
      </c>
      <c r="BG28" s="1" t="s">
        <v>885</v>
      </c>
      <c r="BH28" s="1">
        <v>0.02</v>
      </c>
      <c r="BI28" s="1" t="s">
        <v>882</v>
      </c>
      <c r="BJ28" s="1"/>
      <c r="BK28" s="1"/>
      <c r="BL28" s="1"/>
      <c r="BM28" s="1" t="s">
        <v>900</v>
      </c>
      <c r="BN28" s="1">
        <v>2.9000000000000001E-2</v>
      </c>
      <c r="BO28" s="1">
        <v>24</v>
      </c>
      <c r="BP28" s="1">
        <v>8.1999999999999993</v>
      </c>
      <c r="BQ28" s="1"/>
      <c r="BR28" s="1" t="s">
        <v>90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7013888888888884</v>
      </c>
      <c r="C29" s="1" t="s">
        <v>855</v>
      </c>
      <c r="D29" s="1" t="s">
        <v>85</v>
      </c>
      <c r="E29" s="1" t="s">
        <v>28</v>
      </c>
      <c r="F29" s="1" t="s">
        <v>260</v>
      </c>
      <c r="G29" s="1" t="s">
        <v>261</v>
      </c>
      <c r="H29" s="1" t="s">
        <v>254</v>
      </c>
      <c r="I29" s="1" t="s">
        <v>262</v>
      </c>
      <c r="J29" s="1" t="s">
        <v>79</v>
      </c>
      <c r="K29" s="1" t="s">
        <v>189</v>
      </c>
      <c r="L29" s="1" t="s">
        <v>34</v>
      </c>
      <c r="N29" s="1" t="s">
        <v>35</v>
      </c>
      <c r="O29" s="1" t="s">
        <v>57</v>
      </c>
      <c r="P29" s="1" t="s">
        <v>37</v>
      </c>
      <c r="Q29" s="1" t="s">
        <v>210</v>
      </c>
      <c r="R29" s="1" t="s">
        <v>231</v>
      </c>
      <c r="S29" s="1" t="s">
        <v>172</v>
      </c>
      <c r="T29" s="1" t="s">
        <v>60</v>
      </c>
      <c r="U29" s="1">
        <v>9.1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23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1319444444444453</v>
      </c>
      <c r="C30" s="1" t="s">
        <v>855</v>
      </c>
      <c r="D30" s="1" t="s">
        <v>85</v>
      </c>
      <c r="E30" s="1" t="s">
        <v>28</v>
      </c>
      <c r="F30" s="1" t="s">
        <v>29</v>
      </c>
      <c r="G30" s="1" t="s">
        <v>263</v>
      </c>
      <c r="H30" s="1" t="s">
        <v>254</v>
      </c>
      <c r="I30" s="1" t="s">
        <v>264</v>
      </c>
      <c r="J30" s="1" t="s">
        <v>79</v>
      </c>
      <c r="K30" s="1" t="s">
        <v>265</v>
      </c>
      <c r="L30" s="1" t="s">
        <v>34</v>
      </c>
      <c r="N30" s="1" t="s">
        <v>35</v>
      </c>
      <c r="O30" s="1" t="s">
        <v>57</v>
      </c>
      <c r="P30" s="1" t="s">
        <v>37</v>
      </c>
      <c r="Q30" s="1" t="s">
        <v>210</v>
      </c>
      <c r="R30" s="1" t="s">
        <v>231</v>
      </c>
      <c r="S30" s="1" t="s">
        <v>172</v>
      </c>
      <c r="T30" s="1" t="s">
        <v>60</v>
      </c>
      <c r="U30" s="1">
        <v>8.5</v>
      </c>
      <c r="V30" s="1"/>
      <c r="W30" s="1"/>
      <c r="X30" s="1">
        <v>3.7</v>
      </c>
      <c r="Y30" s="1">
        <v>3.9E-2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 t="s">
        <v>888</v>
      </c>
      <c r="AS30" s="1" t="s">
        <v>888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24</v>
      </c>
      <c r="BP30" s="1">
        <v>9.3000000000000007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66</v>
      </c>
      <c r="B31" s="2">
        <v>0.15277777777777776</v>
      </c>
      <c r="C31" s="1" t="s">
        <v>855</v>
      </c>
      <c r="D31" s="1" t="s">
        <v>85</v>
      </c>
      <c r="E31" s="1" t="s">
        <v>28</v>
      </c>
      <c r="F31" s="1" t="s">
        <v>29</v>
      </c>
      <c r="G31" s="1" t="s">
        <v>257</v>
      </c>
      <c r="H31" s="1" t="s">
        <v>33</v>
      </c>
      <c r="I31" s="1" t="s">
        <v>267</v>
      </c>
      <c r="J31" s="1" t="s">
        <v>79</v>
      </c>
      <c r="K31" s="1" t="s">
        <v>189</v>
      </c>
      <c r="L31" s="1" t="s">
        <v>34</v>
      </c>
      <c r="N31" s="1" t="s">
        <v>35</v>
      </c>
      <c r="O31" s="1" t="s">
        <v>57</v>
      </c>
      <c r="P31" s="1" t="s">
        <v>37</v>
      </c>
      <c r="Q31" s="1" t="s">
        <v>210</v>
      </c>
      <c r="R31" s="1" t="s">
        <v>255</v>
      </c>
      <c r="S31" s="1" t="s">
        <v>90</v>
      </c>
      <c r="T31" s="1" t="s">
        <v>60</v>
      </c>
      <c r="U31" s="1">
        <v>8.6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24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68</v>
      </c>
      <c r="B32" s="2">
        <v>0.40972222222222227</v>
      </c>
      <c r="C32" s="1" t="s">
        <v>855</v>
      </c>
      <c r="D32" s="1" t="s">
        <v>85</v>
      </c>
      <c r="E32" s="1" t="s">
        <v>856</v>
      </c>
      <c r="F32" s="1" t="s">
        <v>203</v>
      </c>
      <c r="G32" s="1" t="s">
        <v>114</v>
      </c>
      <c r="H32" s="1" t="s">
        <v>55</v>
      </c>
      <c r="I32" s="1" t="s">
        <v>184</v>
      </c>
      <c r="J32" s="1" t="s">
        <v>63</v>
      </c>
      <c r="K32" s="1" t="s">
        <v>190</v>
      </c>
      <c r="L32" s="1" t="s">
        <v>34</v>
      </c>
      <c r="N32" s="1" t="s">
        <v>35</v>
      </c>
      <c r="O32" s="1" t="s">
        <v>57</v>
      </c>
      <c r="P32" s="1" t="s">
        <v>37</v>
      </c>
      <c r="Q32" s="1" t="s">
        <v>186</v>
      </c>
      <c r="R32" s="1" t="s">
        <v>245</v>
      </c>
      <c r="S32" s="1" t="s">
        <v>181</v>
      </c>
      <c r="T32" s="1" t="s">
        <v>68</v>
      </c>
      <c r="U32" s="1">
        <v>9.3000000000000007</v>
      </c>
      <c r="V32" s="4">
        <v>35000</v>
      </c>
      <c r="W32" s="1"/>
      <c r="X32" s="1">
        <v>3.2</v>
      </c>
      <c r="Y32" s="1">
        <v>0.04</v>
      </c>
      <c r="Z32" s="1">
        <v>8.0000000000000002E-3</v>
      </c>
      <c r="AC32" s="1" t="s">
        <v>881</v>
      </c>
      <c r="AD32" s="1" t="s">
        <v>882</v>
      </c>
      <c r="AE32" s="1" t="s">
        <v>885</v>
      </c>
      <c r="AF32" s="1" t="s">
        <v>884</v>
      </c>
      <c r="AG32" s="1" t="s">
        <v>885</v>
      </c>
      <c r="AH32" s="1" t="s">
        <v>883</v>
      </c>
      <c r="AI32" s="1"/>
      <c r="AJ32" s="1"/>
      <c r="AK32" s="1"/>
      <c r="AL32" s="1" t="s">
        <v>888</v>
      </c>
      <c r="AM32" s="1"/>
      <c r="AN32" s="1"/>
      <c r="AO32" s="1"/>
      <c r="AP32" t="s">
        <v>888</v>
      </c>
      <c r="AQ32" s="1"/>
      <c r="AR32" s="1" t="s">
        <v>888</v>
      </c>
      <c r="AS32" s="1" t="s">
        <v>888</v>
      </c>
      <c r="AT32" s="1"/>
      <c r="AU32" s="1"/>
      <c r="AV32" s="1"/>
      <c r="AW32" s="1"/>
      <c r="AX32" s="1"/>
      <c r="AY32" s="1"/>
      <c r="AZ32" s="1"/>
      <c r="BA32" s="1"/>
      <c r="BB32" s="1" t="s">
        <v>895</v>
      </c>
      <c r="BC32" s="1">
        <v>2.9</v>
      </c>
      <c r="BD32" s="1">
        <v>2.9</v>
      </c>
      <c r="BF32" s="1"/>
      <c r="BG32" s="1"/>
      <c r="BH32" s="1"/>
      <c r="BI32" s="1"/>
      <c r="BJ32" s="1"/>
      <c r="BK32" s="1"/>
      <c r="BL32" s="1"/>
      <c r="BM32" s="1">
        <v>0.04</v>
      </c>
      <c r="BN32" s="1">
        <v>0.02</v>
      </c>
      <c r="BO32" s="1">
        <v>24</v>
      </c>
      <c r="BP32" s="1">
        <v>13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6666666666666663</v>
      </c>
      <c r="C33" s="1" t="s">
        <v>855</v>
      </c>
      <c r="D33" s="1" t="s">
        <v>27</v>
      </c>
      <c r="E33" s="1" t="s">
        <v>856</v>
      </c>
      <c r="F33" s="1" t="s">
        <v>269</v>
      </c>
      <c r="G33" s="1" t="s">
        <v>269</v>
      </c>
      <c r="H33" s="1" t="s">
        <v>150</v>
      </c>
      <c r="I33" s="1" t="s">
        <v>223</v>
      </c>
      <c r="J33" s="1" t="s">
        <v>63</v>
      </c>
      <c r="K33" s="1" t="s">
        <v>205</v>
      </c>
      <c r="L33" s="1" t="s">
        <v>34</v>
      </c>
      <c r="N33" s="1" t="s">
        <v>35</v>
      </c>
      <c r="O33" s="1" t="s">
        <v>57</v>
      </c>
      <c r="P33" s="1" t="s">
        <v>37</v>
      </c>
      <c r="Q33" s="1" t="s">
        <v>186</v>
      </c>
      <c r="R33" s="1" t="s">
        <v>255</v>
      </c>
      <c r="S33" s="1" t="s">
        <v>49</v>
      </c>
      <c r="T33" s="1" t="s">
        <v>41</v>
      </c>
      <c r="U33" s="1">
        <v>10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26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1666666666666663</v>
      </c>
      <c r="C34" s="1" t="s">
        <v>855</v>
      </c>
      <c r="D34" s="1" t="s">
        <v>27</v>
      </c>
      <c r="E34" s="1" t="s">
        <v>856</v>
      </c>
      <c r="F34" s="1" t="s">
        <v>270</v>
      </c>
      <c r="G34" s="1" t="s">
        <v>271</v>
      </c>
      <c r="H34" s="1" t="s">
        <v>160</v>
      </c>
      <c r="I34" s="1" t="s">
        <v>208</v>
      </c>
      <c r="J34" s="1" t="s">
        <v>63</v>
      </c>
      <c r="K34" s="1" t="s">
        <v>190</v>
      </c>
      <c r="L34" s="1" t="s">
        <v>34</v>
      </c>
      <c r="N34" s="1" t="s">
        <v>35</v>
      </c>
      <c r="O34" s="1" t="s">
        <v>57</v>
      </c>
      <c r="P34" s="1" t="s">
        <v>37</v>
      </c>
      <c r="Q34" s="1" t="s">
        <v>145</v>
      </c>
      <c r="R34" s="1" t="s">
        <v>231</v>
      </c>
      <c r="S34" s="1" t="s">
        <v>49</v>
      </c>
      <c r="T34" s="1" t="s">
        <v>41</v>
      </c>
      <c r="U34" s="1">
        <v>10.199999999999999</v>
      </c>
      <c r="V34" s="1"/>
      <c r="W34" s="1"/>
      <c r="X34" s="1">
        <v>3.6</v>
      </c>
      <c r="Y34" s="1">
        <v>3.9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 t="s">
        <v>888</v>
      </c>
      <c r="AS34" s="1" t="s">
        <v>888</v>
      </c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25</v>
      </c>
      <c r="BP34" s="1">
        <v>12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72</v>
      </c>
      <c r="B35" s="2">
        <v>0.16319444444444445</v>
      </c>
      <c r="C35" s="1" t="s">
        <v>855</v>
      </c>
      <c r="D35" s="1" t="s">
        <v>27</v>
      </c>
      <c r="E35" s="1" t="s">
        <v>856</v>
      </c>
      <c r="F35" s="1" t="s">
        <v>273</v>
      </c>
      <c r="G35" s="1" t="s">
        <v>274</v>
      </c>
      <c r="H35" s="1" t="s">
        <v>150</v>
      </c>
      <c r="I35" s="1" t="s">
        <v>223</v>
      </c>
      <c r="J35" s="1" t="s">
        <v>63</v>
      </c>
      <c r="K35" s="1" t="s">
        <v>185</v>
      </c>
      <c r="L35" s="1" t="s">
        <v>34</v>
      </c>
      <c r="N35" s="1" t="s">
        <v>35</v>
      </c>
      <c r="O35" s="1" t="s">
        <v>57</v>
      </c>
      <c r="P35" s="1" t="s">
        <v>37</v>
      </c>
      <c r="Q35" s="1" t="s">
        <v>191</v>
      </c>
      <c r="R35" s="1" t="s">
        <v>255</v>
      </c>
      <c r="S35" s="1" t="s">
        <v>192</v>
      </c>
      <c r="T35" s="1" t="s">
        <v>60</v>
      </c>
      <c r="U35" s="1">
        <v>8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25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37</v>
      </c>
      <c r="B36" s="2">
        <v>0.41666666666666669</v>
      </c>
      <c r="C36" s="1" t="s">
        <v>855</v>
      </c>
      <c r="D36" s="1" t="s">
        <v>85</v>
      </c>
      <c r="E36" s="1" t="s">
        <v>857</v>
      </c>
      <c r="F36" s="1" t="s">
        <v>43</v>
      </c>
      <c r="G36" s="1" t="s">
        <v>275</v>
      </c>
      <c r="H36" s="1" t="s">
        <v>276</v>
      </c>
      <c r="I36" s="1" t="s">
        <v>237</v>
      </c>
      <c r="J36" s="1" t="s">
        <v>79</v>
      </c>
      <c r="K36" s="1" t="s">
        <v>78</v>
      </c>
      <c r="L36" s="1" t="s">
        <v>277</v>
      </c>
      <c r="N36" s="1" t="s">
        <v>35</v>
      </c>
      <c r="O36" s="1" t="s">
        <v>278</v>
      </c>
      <c r="P36" s="1" t="s">
        <v>37</v>
      </c>
      <c r="Q36" s="1" t="s">
        <v>145</v>
      </c>
      <c r="R36" s="1" t="s">
        <v>181</v>
      </c>
      <c r="S36" s="1" t="s">
        <v>279</v>
      </c>
      <c r="T36" s="1" t="s">
        <v>182</v>
      </c>
      <c r="U36" s="1">
        <v>9.8000000000000007</v>
      </c>
      <c r="V36" s="4">
        <v>22000</v>
      </c>
      <c r="W36" s="1"/>
      <c r="X36" s="1">
        <v>3.1</v>
      </c>
      <c r="Y36" s="1">
        <v>4.3999999999999997E-2</v>
      </c>
      <c r="Z36" s="1">
        <v>8.9999999999999993E-3</v>
      </c>
      <c r="AC36" s="1" t="s">
        <v>881</v>
      </c>
      <c r="AD36" s="1" t="s">
        <v>882</v>
      </c>
      <c r="AE36" s="1" t="s">
        <v>885</v>
      </c>
      <c r="AF36" s="1" t="s">
        <v>884</v>
      </c>
      <c r="AG36" s="1" t="s">
        <v>885</v>
      </c>
      <c r="AH36" s="1" t="s">
        <v>883</v>
      </c>
      <c r="AI36" s="1"/>
      <c r="AJ36" s="1"/>
      <c r="AK36" s="1"/>
      <c r="AL36" s="1" t="s">
        <v>888</v>
      </c>
      <c r="AM36" s="1"/>
      <c r="AN36" s="1"/>
      <c r="AO36" s="1"/>
      <c r="AP36" t="s">
        <v>888</v>
      </c>
      <c r="AQ36" s="1"/>
      <c r="AR36" s="1" t="s">
        <v>888</v>
      </c>
      <c r="AS36" s="1" t="s">
        <v>888</v>
      </c>
      <c r="AT36" s="1"/>
      <c r="AU36" s="1"/>
      <c r="AV36" s="1"/>
      <c r="AW36" s="1"/>
      <c r="AX36" s="1"/>
      <c r="AY36" s="1"/>
      <c r="AZ36" s="1" t="s">
        <v>893</v>
      </c>
      <c r="BA36" s="1">
        <v>0.02</v>
      </c>
      <c r="BB36" s="1">
        <v>0.05</v>
      </c>
      <c r="BC36" s="1">
        <v>2.5</v>
      </c>
      <c r="BD36" s="1">
        <v>2.5</v>
      </c>
      <c r="BF36" s="1" t="s">
        <v>885</v>
      </c>
      <c r="BG36" s="1" t="s">
        <v>885</v>
      </c>
      <c r="BH36" s="1">
        <v>7.0000000000000007E-2</v>
      </c>
      <c r="BI36" s="1" t="s">
        <v>882</v>
      </c>
      <c r="BJ36" s="1"/>
      <c r="BK36" s="1"/>
      <c r="BL36" s="1"/>
      <c r="BM36" s="1" t="s">
        <v>900</v>
      </c>
      <c r="BN36" s="1">
        <v>1.2E-2</v>
      </c>
      <c r="BO36" s="1">
        <v>21</v>
      </c>
      <c r="BP36" s="1">
        <v>10</v>
      </c>
      <c r="BQ36" s="1"/>
      <c r="BR36" s="1">
        <v>0.05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6666666666666663</v>
      </c>
      <c r="C37" s="1" t="s">
        <v>855</v>
      </c>
      <c r="D37" s="1" t="s">
        <v>85</v>
      </c>
      <c r="E37" s="1" t="s">
        <v>857</v>
      </c>
      <c r="F37" s="1" t="s">
        <v>114</v>
      </c>
      <c r="G37" s="1" t="s">
        <v>271</v>
      </c>
      <c r="H37" s="1" t="s">
        <v>65</v>
      </c>
      <c r="I37" s="1" t="s">
        <v>280</v>
      </c>
      <c r="J37" s="1" t="s">
        <v>79</v>
      </c>
      <c r="K37" s="1" t="s">
        <v>126</v>
      </c>
      <c r="L37" s="1" t="s">
        <v>281</v>
      </c>
      <c r="N37" s="1" t="s">
        <v>35</v>
      </c>
      <c r="O37" s="1" t="s">
        <v>278</v>
      </c>
      <c r="P37" s="1" t="s">
        <v>37</v>
      </c>
      <c r="Q37" s="1" t="s">
        <v>145</v>
      </c>
      <c r="R37" s="1" t="s">
        <v>196</v>
      </c>
      <c r="S37" s="1" t="s">
        <v>282</v>
      </c>
      <c r="T37" s="1" t="s">
        <v>68</v>
      </c>
      <c r="U37" s="1">
        <v>11.1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22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1666666666666663</v>
      </c>
      <c r="C38" s="1" t="s">
        <v>855</v>
      </c>
      <c r="D38" s="1" t="s">
        <v>85</v>
      </c>
      <c r="E38" s="1" t="s">
        <v>857</v>
      </c>
      <c r="F38" s="1" t="s">
        <v>283</v>
      </c>
      <c r="G38" s="1" t="s">
        <v>188</v>
      </c>
      <c r="H38" s="1" t="s">
        <v>88</v>
      </c>
      <c r="I38" s="1" t="s">
        <v>280</v>
      </c>
      <c r="J38" s="1" t="s">
        <v>79</v>
      </c>
      <c r="K38" s="1" t="s">
        <v>78</v>
      </c>
      <c r="L38" s="1" t="s">
        <v>34</v>
      </c>
      <c r="N38" s="1" t="s">
        <v>35</v>
      </c>
      <c r="O38" s="1" t="s">
        <v>57</v>
      </c>
      <c r="P38" s="1" t="s">
        <v>37</v>
      </c>
      <c r="Q38" s="1" t="s">
        <v>145</v>
      </c>
      <c r="R38" s="1" t="s">
        <v>151</v>
      </c>
      <c r="S38" s="1" t="s">
        <v>109</v>
      </c>
      <c r="T38" s="1" t="s">
        <v>41</v>
      </c>
      <c r="U38" s="1">
        <v>8.1999999999999993</v>
      </c>
      <c r="V38" s="1"/>
      <c r="W38" s="1"/>
      <c r="X38" s="1">
        <v>4.5999999999999996</v>
      </c>
      <c r="Y38" s="1">
        <v>0.03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 t="s">
        <v>888</v>
      </c>
      <c r="AS38" s="1" t="s">
        <v>888</v>
      </c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25</v>
      </c>
      <c r="BP38" s="1">
        <v>11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84</v>
      </c>
      <c r="B39" s="2">
        <v>0.16666666666666666</v>
      </c>
      <c r="C39" s="1" t="s">
        <v>855</v>
      </c>
      <c r="D39" s="1" t="s">
        <v>85</v>
      </c>
      <c r="E39" s="1" t="s">
        <v>857</v>
      </c>
      <c r="F39" s="1" t="s">
        <v>285</v>
      </c>
      <c r="G39" s="1" t="s">
        <v>117</v>
      </c>
      <c r="H39" s="1" t="s">
        <v>65</v>
      </c>
      <c r="I39" s="1" t="s">
        <v>254</v>
      </c>
      <c r="J39" s="1" t="s">
        <v>79</v>
      </c>
      <c r="K39" s="1" t="s">
        <v>78</v>
      </c>
      <c r="L39" s="1" t="s">
        <v>34</v>
      </c>
      <c r="N39" s="1" t="s">
        <v>35</v>
      </c>
      <c r="O39" s="1" t="s">
        <v>57</v>
      </c>
      <c r="P39" s="1" t="s">
        <v>37</v>
      </c>
      <c r="Q39" s="1" t="s">
        <v>191</v>
      </c>
      <c r="R39" s="1" t="s">
        <v>66</v>
      </c>
      <c r="S39" s="1" t="s">
        <v>196</v>
      </c>
      <c r="T39" s="1" t="s">
        <v>286</v>
      </c>
      <c r="U39" s="1">
        <v>8.4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25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44</v>
      </c>
      <c r="B40" s="2">
        <v>0.41666666666666669</v>
      </c>
      <c r="C40" s="1" t="s">
        <v>855</v>
      </c>
      <c r="D40" s="1" t="s">
        <v>27</v>
      </c>
      <c r="E40" s="1" t="s">
        <v>28</v>
      </c>
      <c r="F40" s="1" t="s">
        <v>287</v>
      </c>
      <c r="G40" s="1" t="s">
        <v>288</v>
      </c>
      <c r="H40" s="1" t="s">
        <v>65</v>
      </c>
      <c r="I40" s="1" t="s">
        <v>289</v>
      </c>
      <c r="J40" s="1" t="s">
        <v>79</v>
      </c>
      <c r="K40" s="1" t="s">
        <v>150</v>
      </c>
      <c r="L40" s="1" t="s">
        <v>290</v>
      </c>
      <c r="N40" s="1" t="s">
        <v>35</v>
      </c>
      <c r="O40" s="1" t="s">
        <v>278</v>
      </c>
      <c r="P40" s="1" t="s">
        <v>37</v>
      </c>
      <c r="Q40" s="1" t="s">
        <v>145</v>
      </c>
      <c r="R40" s="1" t="s">
        <v>245</v>
      </c>
      <c r="S40" s="1" t="s">
        <v>121</v>
      </c>
      <c r="T40" s="1" t="s">
        <v>60</v>
      </c>
      <c r="U40" s="1">
        <v>13</v>
      </c>
      <c r="V40" s="4">
        <v>490</v>
      </c>
      <c r="W40" s="1"/>
      <c r="X40" s="1">
        <v>3.9</v>
      </c>
      <c r="Y40" s="1">
        <v>2.1000000000000001E-2</v>
      </c>
      <c r="Z40" s="1">
        <v>4.0000000000000001E-3</v>
      </c>
      <c r="AC40" s="1" t="s">
        <v>881</v>
      </c>
      <c r="AD40" s="1" t="s">
        <v>882</v>
      </c>
      <c r="AE40" s="1" t="s">
        <v>885</v>
      </c>
      <c r="AF40" s="1" t="s">
        <v>884</v>
      </c>
      <c r="AG40" s="1" t="s">
        <v>885</v>
      </c>
      <c r="AH40" s="1" t="s">
        <v>883</v>
      </c>
      <c r="AI40" s="1"/>
      <c r="AJ40" s="1"/>
      <c r="AK40" s="1"/>
      <c r="AL40" s="1" t="s">
        <v>888</v>
      </c>
      <c r="AM40" s="1"/>
      <c r="AN40" s="1"/>
      <c r="AO40" s="1"/>
      <c r="AP40" t="s">
        <v>888</v>
      </c>
      <c r="AQ40" s="1"/>
      <c r="AR40" s="1" t="s">
        <v>888</v>
      </c>
      <c r="AS40" s="1" t="s">
        <v>888</v>
      </c>
      <c r="AT40" s="1"/>
      <c r="AU40" s="1"/>
      <c r="AV40" s="1"/>
      <c r="AW40" s="1"/>
      <c r="AX40" s="1"/>
      <c r="AY40" s="1"/>
      <c r="AZ40" s="1"/>
      <c r="BA40" s="1"/>
      <c r="BB40" s="1" t="s">
        <v>895</v>
      </c>
      <c r="BC40" s="1">
        <v>3.6</v>
      </c>
      <c r="BD40" s="1">
        <v>3.6</v>
      </c>
      <c r="BF40" s="1"/>
      <c r="BG40" s="1"/>
      <c r="BH40" s="1"/>
      <c r="BI40" s="1"/>
      <c r="BJ40" s="1"/>
      <c r="BK40" s="1"/>
      <c r="BL40" s="1"/>
      <c r="BM40" s="1" t="s">
        <v>900</v>
      </c>
      <c r="BN40" s="1">
        <v>7.0000000000000001E-3</v>
      </c>
      <c r="BO40" s="1">
        <v>28</v>
      </c>
      <c r="BP40" s="1">
        <v>12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6666666666666663</v>
      </c>
      <c r="C41" s="1" t="s">
        <v>855</v>
      </c>
      <c r="D41" s="1" t="s">
        <v>27</v>
      </c>
      <c r="E41" s="1" t="s">
        <v>28</v>
      </c>
      <c r="F41" s="1" t="s">
        <v>161</v>
      </c>
      <c r="G41" s="1" t="s">
        <v>291</v>
      </c>
      <c r="H41" s="1" t="s">
        <v>126</v>
      </c>
      <c r="I41" s="1" t="s">
        <v>139</v>
      </c>
      <c r="J41" s="1" t="s">
        <v>79</v>
      </c>
      <c r="K41" s="1" t="s">
        <v>150</v>
      </c>
      <c r="L41" s="1" t="s">
        <v>34</v>
      </c>
      <c r="N41" s="1" t="s">
        <v>35</v>
      </c>
      <c r="O41" s="1" t="s">
        <v>57</v>
      </c>
      <c r="P41" s="1" t="s">
        <v>37</v>
      </c>
      <c r="Q41" s="1" t="s">
        <v>58</v>
      </c>
      <c r="R41" s="1" t="s">
        <v>66</v>
      </c>
      <c r="S41" s="1" t="s">
        <v>192</v>
      </c>
      <c r="T41" s="1" t="s">
        <v>41</v>
      </c>
      <c r="U41" s="1">
        <v>17.2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27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1666666666666663</v>
      </c>
      <c r="C42" s="1" t="s">
        <v>855</v>
      </c>
      <c r="D42" s="1" t="s">
        <v>27</v>
      </c>
      <c r="E42" s="1" t="s">
        <v>28</v>
      </c>
      <c r="F42" s="1" t="s">
        <v>292</v>
      </c>
      <c r="G42" s="1" t="s">
        <v>81</v>
      </c>
      <c r="H42" s="1" t="s">
        <v>139</v>
      </c>
      <c r="I42" s="1" t="s">
        <v>139</v>
      </c>
      <c r="J42" s="1" t="s">
        <v>79</v>
      </c>
      <c r="K42" s="1" t="s">
        <v>55</v>
      </c>
      <c r="L42" s="1" t="s">
        <v>34</v>
      </c>
      <c r="N42" s="1" t="s">
        <v>35</v>
      </c>
      <c r="O42" s="1" t="s">
        <v>57</v>
      </c>
      <c r="P42" s="1" t="s">
        <v>37</v>
      </c>
      <c r="Q42" s="1" t="s">
        <v>186</v>
      </c>
      <c r="R42" s="1" t="s">
        <v>101</v>
      </c>
      <c r="S42" s="1" t="s">
        <v>192</v>
      </c>
      <c r="T42" s="1" t="s">
        <v>60</v>
      </c>
      <c r="U42" s="1">
        <v>11.1</v>
      </c>
      <c r="V42" s="1"/>
      <c r="W42" s="1"/>
      <c r="X42" s="1">
        <v>4</v>
      </c>
      <c r="Y42" s="1">
        <v>1.0999999999999999E-2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 t="s">
        <v>888</v>
      </c>
      <c r="AS42" s="1" t="s">
        <v>888</v>
      </c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29</v>
      </c>
      <c r="BP42" s="1">
        <v>12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93</v>
      </c>
      <c r="B43" s="2">
        <v>0.16666666666666666</v>
      </c>
      <c r="C43" s="1" t="s">
        <v>855</v>
      </c>
      <c r="D43" s="1" t="s">
        <v>27</v>
      </c>
      <c r="E43" s="1" t="s">
        <v>28</v>
      </c>
      <c r="F43" s="1" t="s">
        <v>294</v>
      </c>
      <c r="G43" s="1" t="s">
        <v>171</v>
      </c>
      <c r="H43" s="1" t="s">
        <v>132</v>
      </c>
      <c r="I43" s="1" t="s">
        <v>88</v>
      </c>
      <c r="J43" s="1" t="s">
        <v>79</v>
      </c>
      <c r="K43" s="1" t="s">
        <v>47</v>
      </c>
      <c r="L43" s="1" t="s">
        <v>34</v>
      </c>
      <c r="N43" s="1" t="s">
        <v>35</v>
      </c>
      <c r="O43" s="1" t="s">
        <v>57</v>
      </c>
      <c r="P43" s="1" t="s">
        <v>37</v>
      </c>
      <c r="Q43" s="1" t="s">
        <v>191</v>
      </c>
      <c r="R43" s="1" t="s">
        <v>198</v>
      </c>
      <c r="S43" s="1" t="s">
        <v>39</v>
      </c>
      <c r="T43" s="1" t="s">
        <v>60</v>
      </c>
      <c r="U43" s="1">
        <v>10.1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28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95</v>
      </c>
      <c r="B44" s="2">
        <v>0.40972222222222227</v>
      </c>
      <c r="C44" s="1" t="s">
        <v>855</v>
      </c>
      <c r="D44" s="1" t="s">
        <v>85</v>
      </c>
      <c r="E44" s="1" t="s">
        <v>28</v>
      </c>
      <c r="F44" s="1" t="s">
        <v>147</v>
      </c>
      <c r="G44" s="1" t="s">
        <v>296</v>
      </c>
      <c r="H44" s="1" t="s">
        <v>79</v>
      </c>
      <c r="I44" s="1" t="s">
        <v>119</v>
      </c>
      <c r="J44" s="1" t="s">
        <v>207</v>
      </c>
      <c r="K44" s="1" t="s">
        <v>177</v>
      </c>
      <c r="L44" s="1" t="s">
        <v>34</v>
      </c>
      <c r="N44" s="1" t="s">
        <v>35</v>
      </c>
      <c r="O44" s="1" t="s">
        <v>57</v>
      </c>
      <c r="P44" s="1" t="s">
        <v>37</v>
      </c>
      <c r="Q44" s="1" t="s">
        <v>191</v>
      </c>
      <c r="R44" s="1" t="s">
        <v>101</v>
      </c>
      <c r="S44" s="1" t="s">
        <v>151</v>
      </c>
      <c r="T44" s="1" t="s">
        <v>60</v>
      </c>
      <c r="U44" s="1">
        <v>11.6</v>
      </c>
      <c r="V44" s="4">
        <v>790</v>
      </c>
      <c r="W44" s="1" t="s">
        <v>887</v>
      </c>
      <c r="X44" s="1">
        <v>4</v>
      </c>
      <c r="Y44" s="1">
        <v>8.0000000000000002E-3</v>
      </c>
      <c r="Z44" s="1">
        <v>6.0000000000000001E-3</v>
      </c>
      <c r="AA44" t="s">
        <v>926</v>
      </c>
      <c r="AB44" t="s">
        <v>934</v>
      </c>
      <c r="AC44" s="1" t="s">
        <v>881</v>
      </c>
      <c r="AD44" s="1" t="s">
        <v>882</v>
      </c>
      <c r="AE44" s="1" t="s">
        <v>885</v>
      </c>
      <c r="AF44" s="1" t="s">
        <v>884</v>
      </c>
      <c r="AG44" s="1" t="s">
        <v>885</v>
      </c>
      <c r="AH44" s="1" t="s">
        <v>883</v>
      </c>
      <c r="AI44" s="1"/>
      <c r="AJ44" s="1"/>
      <c r="AK44" s="1" t="s">
        <v>888</v>
      </c>
      <c r="AL44" s="1" t="s">
        <v>888</v>
      </c>
      <c r="AM44" s="1" t="s">
        <v>888</v>
      </c>
      <c r="AN44" s="1" t="s">
        <v>888</v>
      </c>
      <c r="AO44" s="1" t="s">
        <v>888</v>
      </c>
      <c r="AP44" t="s">
        <v>888</v>
      </c>
      <c r="AQ44" s="1" t="s">
        <v>888</v>
      </c>
      <c r="AR44" s="1">
        <v>2.9999999999999997E-4</v>
      </c>
      <c r="AS44" s="1" t="s">
        <v>888</v>
      </c>
      <c r="AT44" s="1" t="s">
        <v>896</v>
      </c>
      <c r="AU44" s="1" t="s">
        <v>883</v>
      </c>
      <c r="AV44" s="1" t="s">
        <v>881</v>
      </c>
      <c r="AW44" s="1" t="s">
        <v>881</v>
      </c>
      <c r="AX44" s="1" t="s">
        <v>888</v>
      </c>
      <c r="AY44" s="1" t="s">
        <v>894</v>
      </c>
      <c r="AZ44" s="1" t="s">
        <v>893</v>
      </c>
      <c r="BA44" s="1" t="s">
        <v>884</v>
      </c>
      <c r="BB44" s="1" t="s">
        <v>895</v>
      </c>
      <c r="BC44" s="1">
        <v>3.8</v>
      </c>
      <c r="BD44" s="1">
        <v>3.8</v>
      </c>
      <c r="BE44" t="s">
        <v>885</v>
      </c>
      <c r="BF44" s="1" t="s">
        <v>885</v>
      </c>
      <c r="BG44" s="1" t="s">
        <v>885</v>
      </c>
      <c r="BH44" s="1" t="s">
        <v>884</v>
      </c>
      <c r="BI44" s="1" t="s">
        <v>882</v>
      </c>
      <c r="BJ44" s="1"/>
      <c r="BK44" s="1"/>
      <c r="BL44" s="1" t="s">
        <v>902</v>
      </c>
      <c r="BM44" s="1" t="s">
        <v>900</v>
      </c>
      <c r="BN44" s="1" t="s">
        <v>885</v>
      </c>
      <c r="BO44" s="1">
        <v>27</v>
      </c>
      <c r="BP44" s="1">
        <v>12</v>
      </c>
      <c r="BQ44" s="1"/>
      <c r="BR44" s="1" t="s">
        <v>901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6666666666666663</v>
      </c>
      <c r="C45" s="1" t="s">
        <v>855</v>
      </c>
      <c r="D45" s="1" t="s">
        <v>85</v>
      </c>
      <c r="E45" s="1" t="s">
        <v>28</v>
      </c>
      <c r="F45" s="1" t="s">
        <v>81</v>
      </c>
      <c r="G45" s="1" t="s">
        <v>153</v>
      </c>
      <c r="H45" s="1" t="s">
        <v>64</v>
      </c>
      <c r="I45" s="1" t="s">
        <v>72</v>
      </c>
      <c r="J45" s="1" t="s">
        <v>207</v>
      </c>
      <c r="K45" s="1" t="s">
        <v>225</v>
      </c>
      <c r="L45" s="1" t="s">
        <v>34</v>
      </c>
      <c r="N45" s="1" t="s">
        <v>35</v>
      </c>
      <c r="O45" s="1" t="s">
        <v>57</v>
      </c>
      <c r="P45" s="1" t="s">
        <v>37</v>
      </c>
      <c r="Q45" s="1" t="s">
        <v>140</v>
      </c>
      <c r="R45" s="1" t="s">
        <v>245</v>
      </c>
      <c r="S45" s="1" t="s">
        <v>146</v>
      </c>
      <c r="T45" s="1" t="s">
        <v>41</v>
      </c>
      <c r="U45" s="1">
        <v>17.399999999999999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26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0972222222222221</v>
      </c>
      <c r="C46" s="1" t="s">
        <v>855</v>
      </c>
      <c r="D46" s="1" t="s">
        <v>85</v>
      </c>
      <c r="E46" s="1" t="s">
        <v>28</v>
      </c>
      <c r="F46" s="1" t="s">
        <v>297</v>
      </c>
      <c r="G46" s="1" t="s">
        <v>96</v>
      </c>
      <c r="H46" s="1" t="s">
        <v>64</v>
      </c>
      <c r="I46" s="1" t="s">
        <v>44</v>
      </c>
      <c r="J46" s="1" t="s">
        <v>207</v>
      </c>
      <c r="K46" s="1" t="s">
        <v>225</v>
      </c>
      <c r="L46" s="1" t="s">
        <v>34</v>
      </c>
      <c r="N46" s="1" t="s">
        <v>35</v>
      </c>
      <c r="O46" s="1" t="s">
        <v>57</v>
      </c>
      <c r="P46" s="1" t="s">
        <v>37</v>
      </c>
      <c r="Q46" s="1" t="s">
        <v>186</v>
      </c>
      <c r="R46" s="1" t="s">
        <v>104</v>
      </c>
      <c r="S46" s="1" t="s">
        <v>146</v>
      </c>
      <c r="T46" s="1" t="s">
        <v>116</v>
      </c>
      <c r="U46" s="1">
        <v>11.7</v>
      </c>
      <c r="V46" s="1"/>
      <c r="W46" s="1" t="s">
        <v>887</v>
      </c>
      <c r="X46" s="1">
        <v>3.8</v>
      </c>
      <c r="Y46" s="1">
        <v>1.2E-2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>
        <v>2.9999999999999997E-4</v>
      </c>
      <c r="AS46" s="1" t="s">
        <v>888</v>
      </c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27</v>
      </c>
      <c r="BP46" s="1">
        <v>13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98</v>
      </c>
      <c r="B47" s="2">
        <v>0.15277777777777776</v>
      </c>
      <c r="C47" s="1" t="s">
        <v>855</v>
      </c>
      <c r="D47" s="1" t="s">
        <v>85</v>
      </c>
      <c r="E47" s="1" t="s">
        <v>28</v>
      </c>
      <c r="F47" s="1" t="s">
        <v>59</v>
      </c>
      <c r="G47" s="1" t="s">
        <v>186</v>
      </c>
      <c r="H47" s="1" t="s">
        <v>64</v>
      </c>
      <c r="I47" s="1" t="s">
        <v>72</v>
      </c>
      <c r="J47" s="1" t="s">
        <v>207</v>
      </c>
      <c r="K47" s="1" t="s">
        <v>225</v>
      </c>
      <c r="L47" s="1" t="s">
        <v>34</v>
      </c>
      <c r="N47" s="1" t="s">
        <v>35</v>
      </c>
      <c r="O47" s="1" t="s">
        <v>57</v>
      </c>
      <c r="P47" s="1" t="s">
        <v>37</v>
      </c>
      <c r="Q47" s="1" t="s">
        <v>145</v>
      </c>
      <c r="R47" s="1" t="s">
        <v>231</v>
      </c>
      <c r="S47" s="1" t="s">
        <v>146</v>
      </c>
      <c r="T47" s="1" t="s">
        <v>116</v>
      </c>
      <c r="U47" s="1">
        <v>9.6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27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8</v>
      </c>
      <c r="B48" s="2">
        <v>0.40972222222222227</v>
      </c>
      <c r="C48" s="1" t="s">
        <v>855</v>
      </c>
      <c r="D48" s="1" t="s">
        <v>85</v>
      </c>
      <c r="E48" s="1" t="s">
        <v>857</v>
      </c>
      <c r="F48" s="1" t="s">
        <v>299</v>
      </c>
      <c r="G48" s="1" t="s">
        <v>142</v>
      </c>
      <c r="H48" s="1" t="s">
        <v>80</v>
      </c>
      <c r="I48" s="1" t="s">
        <v>80</v>
      </c>
      <c r="J48" s="1" t="s">
        <v>79</v>
      </c>
      <c r="K48" s="1" t="s">
        <v>47</v>
      </c>
      <c r="L48" s="1" t="s">
        <v>34</v>
      </c>
      <c r="N48" s="1" t="s">
        <v>35</v>
      </c>
      <c r="O48" s="1" t="s">
        <v>57</v>
      </c>
      <c r="P48" s="1" t="s">
        <v>300</v>
      </c>
      <c r="Q48" s="1" t="s">
        <v>186</v>
      </c>
      <c r="R48" s="1" t="s">
        <v>101</v>
      </c>
      <c r="S48" s="1" t="s">
        <v>156</v>
      </c>
      <c r="T48" s="1" t="s">
        <v>41</v>
      </c>
      <c r="U48" s="1">
        <v>12</v>
      </c>
      <c r="V48" s="4">
        <v>1100</v>
      </c>
      <c r="W48" s="1"/>
      <c r="X48" s="1">
        <v>2.1</v>
      </c>
      <c r="Y48" s="1">
        <v>2.5000000000000001E-2</v>
      </c>
      <c r="Z48" s="1">
        <v>1.2E-2</v>
      </c>
      <c r="AC48" s="1" t="s">
        <v>881</v>
      </c>
      <c r="AD48" s="1" t="s">
        <v>882</v>
      </c>
      <c r="AE48" s="1" t="s">
        <v>885</v>
      </c>
      <c r="AF48" s="1" t="s">
        <v>884</v>
      </c>
      <c r="AG48" s="1" t="s">
        <v>885</v>
      </c>
      <c r="AH48" s="1" t="s">
        <v>883</v>
      </c>
      <c r="AI48" s="1"/>
      <c r="AJ48" s="1"/>
      <c r="AK48" s="1"/>
      <c r="AL48" s="1" t="s">
        <v>888</v>
      </c>
      <c r="AM48" s="1"/>
      <c r="AN48" s="1"/>
      <c r="AO48" s="1"/>
      <c r="AP48" t="s">
        <v>888</v>
      </c>
      <c r="AQ48" s="1"/>
      <c r="AR48" s="1" t="s">
        <v>888</v>
      </c>
      <c r="AS48" s="1" t="s">
        <v>888</v>
      </c>
      <c r="AT48" s="1"/>
      <c r="AU48" s="1"/>
      <c r="AV48" s="1"/>
      <c r="AW48" s="1"/>
      <c r="AX48" s="1"/>
      <c r="AY48" s="1"/>
      <c r="AZ48" s="1"/>
      <c r="BA48" s="1"/>
      <c r="BB48" s="1" t="s">
        <v>895</v>
      </c>
      <c r="BC48" s="1">
        <v>1.8</v>
      </c>
      <c r="BD48" s="1">
        <v>1.8</v>
      </c>
      <c r="BF48" s="1"/>
      <c r="BG48" s="1"/>
      <c r="BH48" s="1"/>
      <c r="BI48" s="1"/>
      <c r="BJ48" s="1"/>
      <c r="BK48" s="1"/>
      <c r="BL48" s="1"/>
      <c r="BM48" s="1" t="s">
        <v>900</v>
      </c>
      <c r="BN48" s="1">
        <v>7.0000000000000001E-3</v>
      </c>
      <c r="BO48" s="1">
        <v>19</v>
      </c>
      <c r="BP48" s="1">
        <v>8.8000000000000007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6666666666666663</v>
      </c>
      <c r="C49" s="1" t="s">
        <v>855</v>
      </c>
      <c r="D49" s="1" t="s">
        <v>85</v>
      </c>
      <c r="E49" s="1" t="s">
        <v>857</v>
      </c>
      <c r="F49" s="1" t="s">
        <v>301</v>
      </c>
      <c r="G49" s="1" t="s">
        <v>124</v>
      </c>
      <c r="H49" s="1" t="s">
        <v>302</v>
      </c>
      <c r="I49" s="1" t="s">
        <v>65</v>
      </c>
      <c r="J49" s="1" t="s">
        <v>79</v>
      </c>
      <c r="K49" s="1" t="s">
        <v>160</v>
      </c>
      <c r="L49" s="1" t="s">
        <v>34</v>
      </c>
      <c r="N49" s="1" t="s">
        <v>35</v>
      </c>
      <c r="O49" s="1" t="s">
        <v>57</v>
      </c>
      <c r="P49" s="1" t="s">
        <v>37</v>
      </c>
      <c r="Q49" s="1" t="s">
        <v>75</v>
      </c>
      <c r="R49" s="1" t="s">
        <v>108</v>
      </c>
      <c r="S49" s="1" t="s">
        <v>303</v>
      </c>
      <c r="T49" s="1" t="s">
        <v>60</v>
      </c>
      <c r="U49" s="1">
        <v>15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19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0972222222222221</v>
      </c>
      <c r="C50" s="1" t="s">
        <v>855</v>
      </c>
      <c r="D50" s="1" t="s">
        <v>164</v>
      </c>
      <c r="E50" s="1" t="s">
        <v>857</v>
      </c>
      <c r="F50" s="1" t="s">
        <v>304</v>
      </c>
      <c r="G50" s="1" t="s">
        <v>305</v>
      </c>
      <c r="H50" s="1" t="s">
        <v>74</v>
      </c>
      <c r="I50" s="1" t="s">
        <v>100</v>
      </c>
      <c r="J50" s="1" t="s">
        <v>79</v>
      </c>
      <c r="K50" s="1" t="s">
        <v>45</v>
      </c>
      <c r="L50" s="1" t="s">
        <v>34</v>
      </c>
      <c r="N50" s="1" t="s">
        <v>35</v>
      </c>
      <c r="O50" s="1" t="s">
        <v>57</v>
      </c>
      <c r="P50" s="1" t="s">
        <v>37</v>
      </c>
      <c r="Q50" s="1" t="s">
        <v>191</v>
      </c>
      <c r="R50" s="1" t="s">
        <v>245</v>
      </c>
      <c r="S50" s="1" t="s">
        <v>181</v>
      </c>
      <c r="T50" s="1" t="s">
        <v>286</v>
      </c>
      <c r="U50" s="1">
        <v>9.5</v>
      </c>
      <c r="V50" s="1"/>
      <c r="W50" s="1"/>
      <c r="X50" s="1">
        <v>3</v>
      </c>
      <c r="Y50" s="1">
        <v>2.1000000000000001E-2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 t="s">
        <v>888</v>
      </c>
      <c r="AS50" s="1" t="s">
        <v>888</v>
      </c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20</v>
      </c>
      <c r="BP50" s="1">
        <v>9.4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06</v>
      </c>
      <c r="B51" s="2">
        <v>0.15972222222222224</v>
      </c>
      <c r="C51" s="1" t="s">
        <v>855</v>
      </c>
      <c r="D51" s="1" t="s">
        <v>164</v>
      </c>
      <c r="E51" s="1" t="s">
        <v>857</v>
      </c>
      <c r="F51" s="1" t="s">
        <v>128</v>
      </c>
      <c r="G51" s="1" t="s">
        <v>307</v>
      </c>
      <c r="H51" s="1" t="s">
        <v>170</v>
      </c>
      <c r="I51" s="1" t="s">
        <v>308</v>
      </c>
      <c r="J51" s="1" t="s">
        <v>32</v>
      </c>
      <c r="K51" s="1" t="s">
        <v>309</v>
      </c>
      <c r="L51" s="1" t="s">
        <v>310</v>
      </c>
      <c r="N51" s="1" t="s">
        <v>311</v>
      </c>
      <c r="O51" s="1" t="s">
        <v>312</v>
      </c>
      <c r="P51" s="1" t="s">
        <v>37</v>
      </c>
      <c r="Q51" s="1" t="s">
        <v>186</v>
      </c>
      <c r="R51" s="1" t="s">
        <v>313</v>
      </c>
      <c r="S51" s="1" t="s">
        <v>314</v>
      </c>
      <c r="T51" s="1" t="s">
        <v>310</v>
      </c>
      <c r="U51" s="1">
        <v>10.1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12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014"/>
  <sheetViews>
    <sheetView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45</v>
      </c>
      <c r="C1" s="1" t="s">
        <v>1</v>
      </c>
      <c r="D1" s="1" t="s">
        <v>860</v>
      </c>
      <c r="E1" s="1" t="s">
        <v>2</v>
      </c>
      <c r="F1" s="1" t="s">
        <v>846</v>
      </c>
      <c r="G1" s="1" t="s">
        <v>3</v>
      </c>
      <c r="H1" s="1" t="s">
        <v>85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3</v>
      </c>
      <c r="AB2" s="1" t="s">
        <v>919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7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5833333333333331</v>
      </c>
      <c r="C4" s="1" t="s">
        <v>855</v>
      </c>
      <c r="D4" s="1" t="s">
        <v>85</v>
      </c>
      <c r="E4" s="1" t="s">
        <v>28</v>
      </c>
      <c r="F4" s="1" t="s">
        <v>315</v>
      </c>
      <c r="G4" s="1" t="s">
        <v>167</v>
      </c>
      <c r="H4" s="1" t="s">
        <v>316</v>
      </c>
      <c r="I4" s="1" t="s">
        <v>317</v>
      </c>
      <c r="J4" s="1" t="s">
        <v>79</v>
      </c>
      <c r="K4" s="1" t="s">
        <v>224</v>
      </c>
      <c r="L4" s="1" t="s">
        <v>318</v>
      </c>
      <c r="N4" s="1" t="s">
        <v>35</v>
      </c>
      <c r="O4" s="1" t="s">
        <v>57</v>
      </c>
      <c r="P4" s="1" t="s">
        <v>300</v>
      </c>
      <c r="Q4" s="1" t="s">
        <v>191</v>
      </c>
      <c r="R4" s="1" t="s">
        <v>173</v>
      </c>
      <c r="S4" s="1" t="s">
        <v>191</v>
      </c>
      <c r="T4" s="1" t="s">
        <v>68</v>
      </c>
      <c r="U4" s="1">
        <v>9.1</v>
      </c>
      <c r="V4" s="4">
        <v>130000</v>
      </c>
      <c r="W4" s="1"/>
      <c r="X4" s="1">
        <v>7.2</v>
      </c>
      <c r="Y4" s="1">
        <v>0.67</v>
      </c>
      <c r="Z4" s="1">
        <v>6.0000000000000001E-3</v>
      </c>
      <c r="AA4" s="1"/>
      <c r="AB4" s="1"/>
      <c r="AC4" s="1" t="s">
        <v>881</v>
      </c>
      <c r="AD4" s="1" t="s">
        <v>882</v>
      </c>
      <c r="AE4" s="1" t="s">
        <v>885</v>
      </c>
      <c r="AF4" s="1" t="s">
        <v>884</v>
      </c>
      <c r="AG4" s="1" t="s">
        <v>885</v>
      </c>
      <c r="AH4" s="1" t="s">
        <v>883</v>
      </c>
      <c r="AI4" s="1"/>
      <c r="AJ4" s="1"/>
      <c r="AK4" s="1"/>
      <c r="AL4" s="1" t="s">
        <v>888</v>
      </c>
      <c r="AM4" s="1"/>
      <c r="AN4" s="1"/>
      <c r="AO4" s="1"/>
      <c r="AP4" t="s">
        <v>888</v>
      </c>
      <c r="AQ4" s="1"/>
      <c r="AR4" s="1">
        <v>2.0000000000000001E-4</v>
      </c>
      <c r="AS4" s="1">
        <v>4.0000000000000002E-4</v>
      </c>
      <c r="AT4" s="1"/>
      <c r="AU4" s="1"/>
      <c r="AV4" s="1"/>
      <c r="AW4" s="1"/>
      <c r="AX4" s="1"/>
      <c r="AY4" s="1"/>
      <c r="AZ4" s="1" t="s">
        <v>893</v>
      </c>
      <c r="BA4" s="1">
        <v>0.03</v>
      </c>
      <c r="BB4" s="1">
        <v>1.1000000000000001</v>
      </c>
      <c r="BC4" s="1">
        <v>5.0999999999999996</v>
      </c>
      <c r="BD4" s="1">
        <v>6.2</v>
      </c>
      <c r="BE4" s="1"/>
      <c r="BF4" s="1" t="s">
        <v>885</v>
      </c>
      <c r="BG4" s="1" t="s">
        <v>885</v>
      </c>
      <c r="BH4" s="1" t="s">
        <v>884</v>
      </c>
      <c r="BI4" s="1" t="s">
        <v>882</v>
      </c>
      <c r="BJ4" s="1"/>
      <c r="BK4" s="1"/>
      <c r="BL4" s="1"/>
      <c r="BM4" s="1" t="s">
        <v>900</v>
      </c>
      <c r="BN4" s="1">
        <v>0.57999999999999996</v>
      </c>
      <c r="BO4" s="1">
        <v>34</v>
      </c>
      <c r="BP4" s="1">
        <v>29</v>
      </c>
      <c r="BQ4" s="1"/>
      <c r="BR4" s="1">
        <v>0.03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1180555555555547</v>
      </c>
      <c r="C5" s="1" t="s">
        <v>855</v>
      </c>
      <c r="D5" s="1" t="s">
        <v>85</v>
      </c>
      <c r="E5" s="1" t="s">
        <v>28</v>
      </c>
      <c r="F5" s="1" t="s">
        <v>319</v>
      </c>
      <c r="G5" s="1" t="s">
        <v>320</v>
      </c>
      <c r="H5" s="1" t="s">
        <v>321</v>
      </c>
      <c r="I5" s="1" t="s">
        <v>322</v>
      </c>
      <c r="J5" s="1" t="s">
        <v>79</v>
      </c>
      <c r="K5" s="1" t="s">
        <v>74</v>
      </c>
      <c r="L5" s="1" t="s">
        <v>34</v>
      </c>
      <c r="N5" s="1" t="s">
        <v>35</v>
      </c>
      <c r="O5" s="1" t="s">
        <v>57</v>
      </c>
      <c r="P5" s="1" t="s">
        <v>300</v>
      </c>
      <c r="Q5" s="1" t="s">
        <v>191</v>
      </c>
      <c r="R5" s="1" t="s">
        <v>115</v>
      </c>
      <c r="S5" s="1" t="s">
        <v>323</v>
      </c>
      <c r="T5" s="1" t="s">
        <v>41</v>
      </c>
      <c r="U5" s="1">
        <v>8.1999999999999993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4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4791666666666663</v>
      </c>
      <c r="C6" s="1" t="s">
        <v>855</v>
      </c>
      <c r="D6" s="1" t="s">
        <v>85</v>
      </c>
      <c r="E6" s="1" t="s">
        <v>28</v>
      </c>
      <c r="F6" s="1" t="s">
        <v>324</v>
      </c>
      <c r="G6" s="1" t="s">
        <v>325</v>
      </c>
      <c r="H6" s="1" t="s">
        <v>326</v>
      </c>
      <c r="I6" s="1" t="s">
        <v>327</v>
      </c>
      <c r="J6" s="1" t="s">
        <v>79</v>
      </c>
      <c r="K6" s="1" t="s">
        <v>276</v>
      </c>
      <c r="L6" s="1" t="s">
        <v>127</v>
      </c>
      <c r="N6" s="1" t="s">
        <v>35</v>
      </c>
      <c r="O6" s="1" t="s">
        <v>57</v>
      </c>
      <c r="P6" s="1" t="s">
        <v>300</v>
      </c>
      <c r="Q6" s="1" t="s">
        <v>296</v>
      </c>
      <c r="R6" s="1" t="s">
        <v>328</v>
      </c>
      <c r="S6" s="1" t="s">
        <v>171</v>
      </c>
      <c r="T6" s="1" t="s">
        <v>41</v>
      </c>
      <c r="U6" s="1">
        <v>7.6</v>
      </c>
      <c r="V6" s="1"/>
      <c r="W6" s="1"/>
      <c r="X6" s="1">
        <v>8.5</v>
      </c>
      <c r="Y6" s="1">
        <v>0.69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>
        <v>2.9999999999999997E-4</v>
      </c>
      <c r="AS6" s="1">
        <v>5.0000000000000001E-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34</v>
      </c>
      <c r="BP6" s="1">
        <v>29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87</v>
      </c>
      <c r="B7" s="2">
        <v>0.20138888888888887</v>
      </c>
      <c r="C7" s="1" t="s">
        <v>855</v>
      </c>
      <c r="D7" s="1" t="s">
        <v>85</v>
      </c>
      <c r="E7" s="1" t="s">
        <v>28</v>
      </c>
      <c r="F7" s="1" t="s">
        <v>329</v>
      </c>
      <c r="G7" s="1" t="s">
        <v>43</v>
      </c>
      <c r="H7" s="1" t="s">
        <v>321</v>
      </c>
      <c r="I7" s="1" t="s">
        <v>330</v>
      </c>
      <c r="J7" s="1" t="s">
        <v>79</v>
      </c>
      <c r="K7" s="1" t="s">
        <v>331</v>
      </c>
      <c r="L7" s="1" t="s">
        <v>332</v>
      </c>
      <c r="N7" s="1" t="s">
        <v>35</v>
      </c>
      <c r="O7" s="1" t="s">
        <v>57</v>
      </c>
      <c r="P7" s="1" t="s">
        <v>37</v>
      </c>
      <c r="Q7" s="1" t="s">
        <v>296</v>
      </c>
      <c r="R7" s="1" t="s">
        <v>156</v>
      </c>
      <c r="S7" s="1" t="s">
        <v>179</v>
      </c>
      <c r="T7" s="1" t="s">
        <v>41</v>
      </c>
      <c r="U7" s="1">
        <v>7.3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5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193</v>
      </c>
      <c r="B8" s="2">
        <v>0.45833333333333331</v>
      </c>
      <c r="C8" s="1" t="s">
        <v>855</v>
      </c>
      <c r="D8" s="1" t="s">
        <v>27</v>
      </c>
      <c r="E8" s="1" t="s">
        <v>28</v>
      </c>
      <c r="F8" s="1" t="s">
        <v>52</v>
      </c>
      <c r="G8" s="1" t="s">
        <v>242</v>
      </c>
      <c r="H8" s="1" t="s">
        <v>170</v>
      </c>
      <c r="I8" s="1" t="s">
        <v>333</v>
      </c>
      <c r="J8" s="1" t="s">
        <v>32</v>
      </c>
      <c r="K8" s="1" t="s">
        <v>334</v>
      </c>
      <c r="L8" s="1" t="s">
        <v>335</v>
      </c>
      <c r="N8" s="1" t="s">
        <v>35</v>
      </c>
      <c r="O8" s="1" t="s">
        <v>57</v>
      </c>
      <c r="P8" s="1" t="s">
        <v>37</v>
      </c>
      <c r="Q8" s="1" t="s">
        <v>191</v>
      </c>
      <c r="R8" s="1" t="s">
        <v>146</v>
      </c>
      <c r="S8" s="1" t="s">
        <v>67</v>
      </c>
      <c r="T8" s="1" t="s">
        <v>60</v>
      </c>
      <c r="U8" s="1">
        <v>9</v>
      </c>
      <c r="V8" s="4">
        <v>790</v>
      </c>
      <c r="W8" s="1"/>
      <c r="X8" s="1">
        <v>6.6</v>
      </c>
      <c r="Y8" s="1">
        <v>0.2</v>
      </c>
      <c r="Z8" s="1">
        <v>7.0000000000000001E-3</v>
      </c>
      <c r="AA8" s="1"/>
      <c r="AB8" s="1"/>
      <c r="AC8" s="1" t="s">
        <v>881</v>
      </c>
      <c r="AD8" s="1" t="s">
        <v>882</v>
      </c>
      <c r="AE8" s="1" t="s">
        <v>885</v>
      </c>
      <c r="AF8" s="1" t="s">
        <v>884</v>
      </c>
      <c r="AG8" s="1" t="s">
        <v>885</v>
      </c>
      <c r="AH8" s="1" t="s">
        <v>883</v>
      </c>
      <c r="AI8" s="1"/>
      <c r="AJ8" s="1"/>
      <c r="AK8" s="1"/>
      <c r="AL8" s="1" t="s">
        <v>888</v>
      </c>
      <c r="AM8" s="1"/>
      <c r="AN8" s="1"/>
      <c r="AO8" s="1"/>
      <c r="AP8" t="s">
        <v>888</v>
      </c>
      <c r="AQ8" s="1"/>
      <c r="AR8" s="1" t="s">
        <v>888</v>
      </c>
      <c r="AS8" s="1">
        <v>4.0000000000000002E-4</v>
      </c>
      <c r="AT8" s="1"/>
      <c r="AU8" s="1"/>
      <c r="AV8" s="1"/>
      <c r="AW8" s="1"/>
      <c r="AX8" s="1"/>
      <c r="AY8" s="1"/>
      <c r="AZ8" s="1"/>
      <c r="BA8" s="1"/>
      <c r="BB8" s="1">
        <v>0.64</v>
      </c>
      <c r="BC8" s="1">
        <v>4</v>
      </c>
      <c r="BD8" s="1">
        <v>4.5999999999999996</v>
      </c>
      <c r="BE8" s="1"/>
      <c r="BF8" s="1"/>
      <c r="BG8" s="1"/>
      <c r="BH8" s="1"/>
      <c r="BI8" s="1"/>
      <c r="BJ8" s="1"/>
      <c r="BK8" s="1"/>
      <c r="BL8" s="1"/>
      <c r="BM8" s="1">
        <v>1.2</v>
      </c>
      <c r="BN8" s="1">
        <v>0.14000000000000001</v>
      </c>
      <c r="BO8" s="1">
        <v>32</v>
      </c>
      <c r="BP8" s="1">
        <v>24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0833333333333337</v>
      </c>
      <c r="C9" s="1" t="s">
        <v>855</v>
      </c>
      <c r="D9" s="1" t="s">
        <v>27</v>
      </c>
      <c r="E9" s="1" t="s">
        <v>28</v>
      </c>
      <c r="F9" s="1" t="s">
        <v>336</v>
      </c>
      <c r="G9" s="1" t="s">
        <v>336</v>
      </c>
      <c r="H9" s="1" t="s">
        <v>170</v>
      </c>
      <c r="I9" s="1" t="s">
        <v>337</v>
      </c>
      <c r="J9" s="1" t="s">
        <v>32</v>
      </c>
      <c r="K9" s="1" t="s">
        <v>254</v>
      </c>
      <c r="L9" s="1" t="s">
        <v>34</v>
      </c>
      <c r="N9" s="1" t="s">
        <v>35</v>
      </c>
      <c r="O9" s="1" t="s">
        <v>57</v>
      </c>
      <c r="P9" s="1" t="s">
        <v>37</v>
      </c>
      <c r="Q9" s="1" t="s">
        <v>145</v>
      </c>
      <c r="R9" s="1" t="s">
        <v>40</v>
      </c>
      <c r="S9" s="1" t="s">
        <v>338</v>
      </c>
      <c r="T9" s="1" t="s">
        <v>41</v>
      </c>
      <c r="U9" s="1">
        <v>8.3000000000000007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2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5138888888888884</v>
      </c>
      <c r="C10" s="1" t="s">
        <v>855</v>
      </c>
      <c r="D10" s="1" t="s">
        <v>27</v>
      </c>
      <c r="E10" s="1" t="s">
        <v>28</v>
      </c>
      <c r="F10" s="1" t="s">
        <v>250</v>
      </c>
      <c r="G10" s="1" t="s">
        <v>110</v>
      </c>
      <c r="H10" s="1" t="s">
        <v>339</v>
      </c>
      <c r="I10" s="1" t="s">
        <v>340</v>
      </c>
      <c r="J10" s="1" t="s">
        <v>32</v>
      </c>
      <c r="K10" s="1" t="s">
        <v>280</v>
      </c>
      <c r="L10" s="1" t="s">
        <v>34</v>
      </c>
      <c r="N10" s="1" t="s">
        <v>35</v>
      </c>
      <c r="O10" s="1" t="s">
        <v>57</v>
      </c>
      <c r="P10" s="1" t="s">
        <v>37</v>
      </c>
      <c r="Q10" s="1" t="s">
        <v>191</v>
      </c>
      <c r="R10" s="1" t="s">
        <v>76</v>
      </c>
      <c r="S10" s="1" t="s">
        <v>341</v>
      </c>
      <c r="T10" s="1" t="s">
        <v>60</v>
      </c>
      <c r="U10" s="1">
        <v>7.4</v>
      </c>
      <c r="V10" s="1"/>
      <c r="W10" s="1"/>
      <c r="X10" s="1">
        <v>8</v>
      </c>
      <c r="Y10" s="1">
        <v>0.24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>
        <v>2.0000000000000001E-4</v>
      </c>
      <c r="AS10" s="1">
        <v>4.0000000000000002E-4</v>
      </c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34</v>
      </c>
      <c r="BP10" s="1">
        <v>26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1</v>
      </c>
      <c r="B11" s="2">
        <v>0.20138888888888887</v>
      </c>
      <c r="C11" s="1" t="s">
        <v>855</v>
      </c>
      <c r="D11" s="1" t="s">
        <v>85</v>
      </c>
      <c r="E11" s="1" t="s">
        <v>28</v>
      </c>
      <c r="F11" s="1" t="s">
        <v>249</v>
      </c>
      <c r="G11" s="1" t="s">
        <v>53</v>
      </c>
      <c r="H11" s="1" t="s">
        <v>342</v>
      </c>
      <c r="I11" s="1" t="s">
        <v>343</v>
      </c>
      <c r="J11" s="1" t="s">
        <v>79</v>
      </c>
      <c r="K11" s="1" t="s">
        <v>258</v>
      </c>
      <c r="L11" s="1" t="s">
        <v>34</v>
      </c>
      <c r="N11" s="1" t="s">
        <v>35</v>
      </c>
      <c r="O11" s="1" t="s">
        <v>57</v>
      </c>
      <c r="P11" s="1" t="s">
        <v>37</v>
      </c>
      <c r="Q11" s="1" t="s">
        <v>191</v>
      </c>
      <c r="R11" s="1" t="s">
        <v>59</v>
      </c>
      <c r="S11" s="1" t="s">
        <v>135</v>
      </c>
      <c r="T11" s="1" t="s">
        <v>116</v>
      </c>
      <c r="U11" s="1">
        <v>7.3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2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06</v>
      </c>
      <c r="B12" s="2">
        <v>0.46527777777777773</v>
      </c>
      <c r="C12" s="1" t="s">
        <v>855</v>
      </c>
      <c r="D12" s="1" t="s">
        <v>27</v>
      </c>
      <c r="E12" s="1" t="s">
        <v>857</v>
      </c>
      <c r="F12" s="1" t="s">
        <v>344</v>
      </c>
      <c r="G12" s="1" t="s">
        <v>86</v>
      </c>
      <c r="H12" s="1" t="s">
        <v>185</v>
      </c>
      <c r="I12" s="1" t="s">
        <v>259</v>
      </c>
      <c r="J12" s="1" t="s">
        <v>32</v>
      </c>
      <c r="K12" s="1" t="s">
        <v>345</v>
      </c>
      <c r="L12" s="1" t="s">
        <v>335</v>
      </c>
      <c r="N12" s="1" t="s">
        <v>35</v>
      </c>
      <c r="O12" s="1" t="s">
        <v>57</v>
      </c>
      <c r="P12" s="1" t="s">
        <v>300</v>
      </c>
      <c r="Q12" s="1" t="s">
        <v>186</v>
      </c>
      <c r="R12" s="1" t="s">
        <v>122</v>
      </c>
      <c r="S12" s="1" t="s">
        <v>288</v>
      </c>
      <c r="T12" s="1" t="s">
        <v>41</v>
      </c>
      <c r="U12" s="1">
        <v>8.3000000000000007</v>
      </c>
      <c r="V12" s="4">
        <v>490</v>
      </c>
      <c r="W12" s="1"/>
      <c r="X12" s="1">
        <v>8.5</v>
      </c>
      <c r="Y12" s="1">
        <v>0.35</v>
      </c>
      <c r="Z12" s="1">
        <v>5.0000000000000001E-3</v>
      </c>
      <c r="AA12" s="1"/>
      <c r="AB12" s="1"/>
      <c r="AC12" s="1" t="s">
        <v>881</v>
      </c>
      <c r="AD12" s="1" t="s">
        <v>882</v>
      </c>
      <c r="AE12" s="1" t="s">
        <v>885</v>
      </c>
      <c r="AF12" s="1" t="s">
        <v>884</v>
      </c>
      <c r="AG12" s="1" t="s">
        <v>885</v>
      </c>
      <c r="AH12" s="1" t="s">
        <v>883</v>
      </c>
      <c r="AI12" s="1"/>
      <c r="AJ12" s="1"/>
      <c r="AK12" s="1"/>
      <c r="AL12" s="1" t="s">
        <v>888</v>
      </c>
      <c r="AM12" s="1"/>
      <c r="AN12" s="1"/>
      <c r="AO12" s="1"/>
      <c r="AP12" t="s">
        <v>888</v>
      </c>
      <c r="AQ12" s="1"/>
      <c r="AR12" s="1" t="s">
        <v>888</v>
      </c>
      <c r="AS12" s="1">
        <v>2.9999999999999997E-4</v>
      </c>
      <c r="AT12" s="1"/>
      <c r="AU12" s="1"/>
      <c r="AV12" s="1"/>
      <c r="AW12" s="1"/>
      <c r="AX12" s="1"/>
      <c r="AY12" s="1"/>
      <c r="AZ12" s="1" t="s">
        <v>893</v>
      </c>
      <c r="BA12" s="1">
        <v>0.02</v>
      </c>
      <c r="BB12" s="1">
        <v>0.27</v>
      </c>
      <c r="BC12" s="1">
        <v>4.0999999999999996</v>
      </c>
      <c r="BD12" s="1">
        <v>4.3</v>
      </c>
      <c r="BE12" s="1"/>
      <c r="BF12" s="1" t="s">
        <v>885</v>
      </c>
      <c r="BG12" s="1" t="s">
        <v>885</v>
      </c>
      <c r="BH12" s="1">
        <v>0.02</v>
      </c>
      <c r="BI12" s="1" t="s">
        <v>882</v>
      </c>
      <c r="BJ12" s="1"/>
      <c r="BK12" s="1"/>
      <c r="BL12" s="1"/>
      <c r="BM12" s="1">
        <v>3.7</v>
      </c>
      <c r="BN12" s="1">
        <v>0.25</v>
      </c>
      <c r="BO12" s="1">
        <v>36</v>
      </c>
      <c r="BP12" s="1">
        <v>28</v>
      </c>
      <c r="BQ12" s="1"/>
      <c r="BR12" s="1">
        <v>0.04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0138888888888884</v>
      </c>
      <c r="C13" s="1" t="s">
        <v>855</v>
      </c>
      <c r="D13" s="1" t="s">
        <v>85</v>
      </c>
      <c r="E13" s="1" t="s">
        <v>857</v>
      </c>
      <c r="F13" s="1" t="s">
        <v>222</v>
      </c>
      <c r="G13" s="1" t="s">
        <v>222</v>
      </c>
      <c r="H13" s="1" t="s">
        <v>225</v>
      </c>
      <c r="I13" s="1" t="s">
        <v>346</v>
      </c>
      <c r="J13" s="1" t="s">
        <v>79</v>
      </c>
      <c r="K13" s="1" t="s">
        <v>258</v>
      </c>
      <c r="L13" s="1" t="s">
        <v>335</v>
      </c>
      <c r="N13" s="1" t="s">
        <v>35</v>
      </c>
      <c r="O13" s="1" t="s">
        <v>57</v>
      </c>
      <c r="P13" s="1" t="s">
        <v>37</v>
      </c>
      <c r="Q13" s="1" t="s">
        <v>186</v>
      </c>
      <c r="R13" s="1" t="s">
        <v>347</v>
      </c>
      <c r="S13" s="1" t="s">
        <v>348</v>
      </c>
      <c r="T13" s="1" t="s">
        <v>41</v>
      </c>
      <c r="U13" s="1">
        <v>8.8000000000000007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5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5486111111111116</v>
      </c>
      <c r="C14" s="1" t="s">
        <v>855</v>
      </c>
      <c r="D14" s="1" t="s">
        <v>164</v>
      </c>
      <c r="E14" s="1" t="s">
        <v>857</v>
      </c>
      <c r="F14" s="1" t="s">
        <v>106</v>
      </c>
      <c r="G14" s="1" t="s">
        <v>349</v>
      </c>
      <c r="H14" s="1" t="s">
        <v>205</v>
      </c>
      <c r="I14" s="1" t="s">
        <v>350</v>
      </c>
      <c r="J14" s="1" t="s">
        <v>79</v>
      </c>
      <c r="K14" s="1" t="s">
        <v>258</v>
      </c>
      <c r="L14" s="1" t="s">
        <v>34</v>
      </c>
      <c r="N14" s="1" t="s">
        <v>35</v>
      </c>
      <c r="O14" s="1" t="s">
        <v>57</v>
      </c>
      <c r="P14" s="1" t="s">
        <v>37</v>
      </c>
      <c r="Q14" s="1" t="s">
        <v>191</v>
      </c>
      <c r="R14" s="1" t="s">
        <v>91</v>
      </c>
      <c r="S14" s="1" t="s">
        <v>313</v>
      </c>
      <c r="T14" s="1" t="s">
        <v>60</v>
      </c>
      <c r="U14" s="1">
        <v>6.1</v>
      </c>
      <c r="V14" s="1"/>
      <c r="W14" s="1"/>
      <c r="X14" s="1">
        <v>10</v>
      </c>
      <c r="Y14" s="1">
        <v>0.24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 t="s">
        <v>888</v>
      </c>
      <c r="AS14" s="1">
        <v>2.9999999999999997E-4</v>
      </c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37</v>
      </c>
      <c r="BP14" s="1">
        <v>29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13</v>
      </c>
      <c r="B15" s="2">
        <v>0.20138888888888887</v>
      </c>
      <c r="C15" s="1" t="s">
        <v>855</v>
      </c>
      <c r="D15" s="1" t="s">
        <v>27</v>
      </c>
      <c r="E15" s="1" t="s">
        <v>857</v>
      </c>
      <c r="F15" s="1" t="s">
        <v>110</v>
      </c>
      <c r="G15" s="1" t="s">
        <v>351</v>
      </c>
      <c r="H15" s="1" t="s">
        <v>352</v>
      </c>
      <c r="I15" s="1" t="s">
        <v>262</v>
      </c>
      <c r="J15" s="1" t="s">
        <v>79</v>
      </c>
      <c r="K15" s="1" t="s">
        <v>258</v>
      </c>
      <c r="L15" s="1" t="s">
        <v>335</v>
      </c>
      <c r="N15" s="1" t="s">
        <v>35</v>
      </c>
      <c r="O15" s="1" t="s">
        <v>57</v>
      </c>
      <c r="P15" s="1" t="s">
        <v>37</v>
      </c>
      <c r="Q15" s="1" t="s">
        <v>296</v>
      </c>
      <c r="R15" s="1" t="s">
        <v>141</v>
      </c>
      <c r="S15" s="1" t="s">
        <v>323</v>
      </c>
      <c r="T15" s="1" t="s">
        <v>41</v>
      </c>
      <c r="U15" s="1">
        <v>6.4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1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4</v>
      </c>
      <c r="B16" s="2">
        <v>0.4513888888888889</v>
      </c>
      <c r="C16" s="1" t="s">
        <v>855</v>
      </c>
      <c r="D16" s="1" t="s">
        <v>85</v>
      </c>
      <c r="E16" s="1" t="s">
        <v>28</v>
      </c>
      <c r="F16" s="1" t="s">
        <v>353</v>
      </c>
      <c r="G16" s="1" t="s">
        <v>354</v>
      </c>
      <c r="H16" s="1" t="s">
        <v>355</v>
      </c>
      <c r="I16" s="1" t="s">
        <v>356</v>
      </c>
      <c r="J16" s="1" t="s">
        <v>32</v>
      </c>
      <c r="K16" s="1" t="s">
        <v>33</v>
      </c>
      <c r="L16" s="1" t="s">
        <v>34</v>
      </c>
      <c r="N16" s="1" t="s">
        <v>35</v>
      </c>
      <c r="O16" s="1" t="s">
        <v>57</v>
      </c>
      <c r="P16" s="1" t="s">
        <v>300</v>
      </c>
      <c r="Q16" s="1" t="s">
        <v>179</v>
      </c>
      <c r="R16" s="1" t="s">
        <v>91</v>
      </c>
      <c r="S16" s="1" t="s">
        <v>186</v>
      </c>
      <c r="T16" s="1" t="s">
        <v>286</v>
      </c>
      <c r="U16" s="1">
        <v>10.7</v>
      </c>
      <c r="V16" s="4">
        <v>330</v>
      </c>
      <c r="W16" s="1"/>
      <c r="X16" s="1">
        <v>8.8000000000000007</v>
      </c>
      <c r="Y16" s="1">
        <v>0.23</v>
      </c>
      <c r="Z16" s="1">
        <v>4.0000000000000001E-3</v>
      </c>
      <c r="AA16" s="1"/>
      <c r="AB16" s="1"/>
      <c r="AC16" s="1" t="s">
        <v>881</v>
      </c>
      <c r="AD16" s="1" t="s">
        <v>882</v>
      </c>
      <c r="AE16" s="1" t="s">
        <v>885</v>
      </c>
      <c r="AF16" s="1" t="s">
        <v>884</v>
      </c>
      <c r="AG16" s="1" t="s">
        <v>885</v>
      </c>
      <c r="AH16" s="1" t="s">
        <v>883</v>
      </c>
      <c r="AI16" s="1"/>
      <c r="AJ16" s="1"/>
      <c r="AK16" s="1"/>
      <c r="AL16" s="1" t="s">
        <v>888</v>
      </c>
      <c r="AM16" s="1"/>
      <c r="AN16" s="1"/>
      <c r="AO16" s="1"/>
      <c r="AP16" t="s">
        <v>888</v>
      </c>
      <c r="AQ16" s="1"/>
      <c r="AR16" s="1">
        <v>2.0000000000000001E-4</v>
      </c>
      <c r="AS16" s="1">
        <v>4.0000000000000002E-4</v>
      </c>
      <c r="AT16" s="1"/>
      <c r="AU16" s="1"/>
      <c r="AV16" s="1"/>
      <c r="AW16" s="1"/>
      <c r="AX16" s="1"/>
      <c r="AY16" s="1"/>
      <c r="AZ16" s="1"/>
      <c r="BA16" s="1"/>
      <c r="BB16" s="1">
        <v>1</v>
      </c>
      <c r="BC16" s="1">
        <v>4</v>
      </c>
      <c r="BD16" s="1">
        <v>5</v>
      </c>
      <c r="BE16" s="1"/>
      <c r="BF16" s="1"/>
      <c r="BG16" s="1"/>
      <c r="BH16" s="1"/>
      <c r="BI16" s="1"/>
      <c r="BJ16" s="1"/>
      <c r="BK16" s="1"/>
      <c r="BL16" s="1"/>
      <c r="BM16" s="1">
        <v>2.7</v>
      </c>
      <c r="BN16" s="1">
        <v>0.14000000000000001</v>
      </c>
      <c r="BO16" s="1">
        <v>39</v>
      </c>
      <c r="BP16" s="1">
        <v>32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0138888888888884</v>
      </c>
      <c r="C17" s="1" t="s">
        <v>855</v>
      </c>
      <c r="D17" s="1" t="s">
        <v>85</v>
      </c>
      <c r="E17" s="1" t="s">
        <v>28</v>
      </c>
      <c r="F17" s="1" t="s">
        <v>357</v>
      </c>
      <c r="G17" s="1" t="s">
        <v>222</v>
      </c>
      <c r="H17" s="1" t="s">
        <v>177</v>
      </c>
      <c r="I17" s="1" t="s">
        <v>358</v>
      </c>
      <c r="J17" s="1" t="s">
        <v>32</v>
      </c>
      <c r="K17" s="1" t="s">
        <v>33</v>
      </c>
      <c r="L17" s="1" t="s">
        <v>34</v>
      </c>
      <c r="N17" s="1" t="s">
        <v>35</v>
      </c>
      <c r="O17" s="1" t="s">
        <v>57</v>
      </c>
      <c r="P17" s="1" t="s">
        <v>300</v>
      </c>
      <c r="Q17" s="1" t="s">
        <v>210</v>
      </c>
      <c r="R17" s="1" t="s">
        <v>338</v>
      </c>
      <c r="S17" s="1" t="s">
        <v>186</v>
      </c>
      <c r="T17" s="1" t="s">
        <v>68</v>
      </c>
      <c r="U17" s="1">
        <v>9.3000000000000007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8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5138888888888884</v>
      </c>
      <c r="C18" s="1" t="s">
        <v>855</v>
      </c>
      <c r="D18" s="1" t="s">
        <v>85</v>
      </c>
      <c r="E18" s="1" t="s">
        <v>28</v>
      </c>
      <c r="F18" s="1" t="s">
        <v>222</v>
      </c>
      <c r="G18" s="1" t="s">
        <v>218</v>
      </c>
      <c r="H18" s="1" t="s">
        <v>177</v>
      </c>
      <c r="I18" s="1" t="s">
        <v>359</v>
      </c>
      <c r="J18" s="1" t="s">
        <v>32</v>
      </c>
      <c r="K18" s="1" t="s">
        <v>280</v>
      </c>
      <c r="L18" s="1" t="s">
        <v>360</v>
      </c>
      <c r="N18" s="1" t="s">
        <v>35</v>
      </c>
      <c r="O18" s="1" t="s">
        <v>57</v>
      </c>
      <c r="P18" s="1" t="s">
        <v>300</v>
      </c>
      <c r="Q18" s="1" t="s">
        <v>191</v>
      </c>
      <c r="R18" s="1" t="s">
        <v>361</v>
      </c>
      <c r="S18" s="1" t="s">
        <v>140</v>
      </c>
      <c r="T18" s="1" t="s">
        <v>41</v>
      </c>
      <c r="U18" s="1">
        <v>6.1</v>
      </c>
      <c r="V18" s="1"/>
      <c r="W18" s="1"/>
      <c r="X18" s="1">
        <v>10</v>
      </c>
      <c r="Y18" s="1">
        <v>1.3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>
        <v>2.0000000000000001E-4</v>
      </c>
      <c r="AS18" s="1">
        <v>2.9999999999999997E-4</v>
      </c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40</v>
      </c>
      <c r="BP18" s="1">
        <v>31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27</v>
      </c>
      <c r="B19" s="2">
        <v>0.20138888888888887</v>
      </c>
      <c r="C19" s="1" t="s">
        <v>855</v>
      </c>
      <c r="D19" s="1" t="s">
        <v>85</v>
      </c>
      <c r="E19" s="1" t="s">
        <v>28</v>
      </c>
      <c r="F19" s="1" t="s">
        <v>70</v>
      </c>
      <c r="G19" s="1" t="s">
        <v>362</v>
      </c>
      <c r="H19" s="1" t="s">
        <v>225</v>
      </c>
      <c r="I19" s="1" t="s">
        <v>363</v>
      </c>
      <c r="J19" s="1" t="s">
        <v>79</v>
      </c>
      <c r="K19" s="1" t="s">
        <v>309</v>
      </c>
      <c r="L19" s="1" t="s">
        <v>34</v>
      </c>
      <c r="N19" s="1" t="s">
        <v>35</v>
      </c>
      <c r="O19" s="1" t="s">
        <v>57</v>
      </c>
      <c r="P19" s="1" t="s">
        <v>300</v>
      </c>
      <c r="Q19" s="1" t="s">
        <v>145</v>
      </c>
      <c r="R19" s="1" t="s">
        <v>135</v>
      </c>
      <c r="S19" s="1" t="s">
        <v>288</v>
      </c>
      <c r="T19" s="1" t="s">
        <v>41</v>
      </c>
      <c r="U19" s="1">
        <v>5.5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8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97</v>
      </c>
      <c r="B20" s="2">
        <v>0.47222222222222227</v>
      </c>
      <c r="C20" s="1" t="s">
        <v>855</v>
      </c>
      <c r="D20" s="1" t="s">
        <v>27</v>
      </c>
      <c r="E20" s="1" t="s">
        <v>28</v>
      </c>
      <c r="F20" s="1" t="s">
        <v>364</v>
      </c>
      <c r="G20" s="1" t="s">
        <v>365</v>
      </c>
      <c r="H20" s="1" t="s">
        <v>170</v>
      </c>
      <c r="I20" s="1" t="s">
        <v>366</v>
      </c>
      <c r="J20" s="1" t="s">
        <v>63</v>
      </c>
      <c r="K20" s="1" t="s">
        <v>254</v>
      </c>
      <c r="L20" s="1" t="s">
        <v>34</v>
      </c>
      <c r="N20" s="1" t="s">
        <v>35</v>
      </c>
      <c r="O20" s="1" t="s">
        <v>57</v>
      </c>
      <c r="P20" s="1" t="s">
        <v>37</v>
      </c>
      <c r="Q20" s="1" t="s">
        <v>179</v>
      </c>
      <c r="R20" s="1" t="s">
        <v>192</v>
      </c>
      <c r="S20" s="1" t="s">
        <v>297</v>
      </c>
      <c r="T20" s="1" t="s">
        <v>41</v>
      </c>
      <c r="U20" s="1">
        <v>9.4</v>
      </c>
      <c r="V20" s="4">
        <v>4900</v>
      </c>
      <c r="W20" s="1" t="s">
        <v>887</v>
      </c>
      <c r="X20" s="1">
        <v>7.2</v>
      </c>
      <c r="Y20" s="1">
        <v>0.22</v>
      </c>
      <c r="Z20" s="1">
        <v>4.0000000000000001E-3</v>
      </c>
      <c r="AA20" s="1"/>
      <c r="AB20" s="1"/>
      <c r="AC20" s="1" t="s">
        <v>881</v>
      </c>
      <c r="AD20" s="1" t="s">
        <v>882</v>
      </c>
      <c r="AE20" s="1" t="s">
        <v>885</v>
      </c>
      <c r="AF20" s="1" t="s">
        <v>884</v>
      </c>
      <c r="AG20" s="1" t="s">
        <v>885</v>
      </c>
      <c r="AH20" s="1" t="s">
        <v>883</v>
      </c>
      <c r="AI20" s="1"/>
      <c r="AJ20" s="1" t="s">
        <v>883</v>
      </c>
      <c r="AK20" s="1">
        <v>4.0000000000000002E-4</v>
      </c>
      <c r="AL20" s="1" t="s">
        <v>888</v>
      </c>
      <c r="AM20" s="1" t="s">
        <v>888</v>
      </c>
      <c r="AN20" s="1" t="s">
        <v>888</v>
      </c>
      <c r="AO20" s="1" t="s">
        <v>888</v>
      </c>
      <c r="AP20" t="s">
        <v>888</v>
      </c>
      <c r="AQ20" s="1" t="s">
        <v>888</v>
      </c>
      <c r="AR20" s="1">
        <v>2.9999999999999997E-4</v>
      </c>
      <c r="AS20" s="1">
        <v>4.0000000000000002E-4</v>
      </c>
      <c r="AT20" s="1" t="s">
        <v>896</v>
      </c>
      <c r="AU20" s="1" t="s">
        <v>883</v>
      </c>
      <c r="AV20" s="1" t="s">
        <v>881</v>
      </c>
      <c r="AW20" s="1" t="s">
        <v>881</v>
      </c>
      <c r="AX20" s="1" t="s">
        <v>888</v>
      </c>
      <c r="AY20" s="1" t="s">
        <v>894</v>
      </c>
      <c r="AZ20" s="1" t="s">
        <v>893</v>
      </c>
      <c r="BA20" s="1">
        <v>0.04</v>
      </c>
      <c r="BB20" s="1">
        <v>0.68</v>
      </c>
      <c r="BC20" s="1">
        <v>3.5</v>
      </c>
      <c r="BD20" s="1">
        <v>4.0999999999999996</v>
      </c>
      <c r="BE20" s="1" t="s">
        <v>885</v>
      </c>
      <c r="BF20" s="1" t="s">
        <v>885</v>
      </c>
      <c r="BG20" s="1" t="s">
        <v>885</v>
      </c>
      <c r="BH20" s="1" t="s">
        <v>884</v>
      </c>
      <c r="BI20" s="1" t="s">
        <v>882</v>
      </c>
      <c r="BJ20" s="1"/>
      <c r="BK20" s="1"/>
      <c r="BL20" s="1" t="s">
        <v>902</v>
      </c>
      <c r="BM20" s="1">
        <v>2</v>
      </c>
      <c r="BN20" s="1">
        <v>0.13</v>
      </c>
      <c r="BO20" s="1">
        <v>34</v>
      </c>
      <c r="BP20" s="1">
        <v>28</v>
      </c>
      <c r="BQ20" s="1"/>
      <c r="BR20" s="1" t="s">
        <v>90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0833333333333337</v>
      </c>
      <c r="C21" s="1" t="s">
        <v>855</v>
      </c>
      <c r="D21" s="1" t="s">
        <v>27</v>
      </c>
      <c r="E21" s="1" t="s">
        <v>28</v>
      </c>
      <c r="F21" s="1" t="s">
        <v>367</v>
      </c>
      <c r="G21" s="1" t="s">
        <v>368</v>
      </c>
      <c r="H21" s="1" t="s">
        <v>352</v>
      </c>
      <c r="I21" s="1" t="s">
        <v>369</v>
      </c>
      <c r="J21" s="1" t="s">
        <v>63</v>
      </c>
      <c r="K21" s="1" t="s">
        <v>254</v>
      </c>
      <c r="L21" s="1" t="s">
        <v>34</v>
      </c>
      <c r="N21" s="1" t="s">
        <v>35</v>
      </c>
      <c r="O21" s="1" t="s">
        <v>57</v>
      </c>
      <c r="P21" s="1" t="s">
        <v>37</v>
      </c>
      <c r="Q21" s="1" t="s">
        <v>171</v>
      </c>
      <c r="R21" s="1" t="s">
        <v>109</v>
      </c>
      <c r="S21" s="1" t="s">
        <v>50</v>
      </c>
      <c r="T21" s="1" t="s">
        <v>60</v>
      </c>
      <c r="U21" s="1">
        <v>9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2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5833333333333337</v>
      </c>
      <c r="C22" s="1" t="s">
        <v>855</v>
      </c>
      <c r="D22" s="1" t="s">
        <v>27</v>
      </c>
      <c r="E22" s="1" t="s">
        <v>28</v>
      </c>
      <c r="F22" s="1" t="s">
        <v>370</v>
      </c>
      <c r="G22" s="1" t="s">
        <v>222</v>
      </c>
      <c r="H22" s="1" t="s">
        <v>178</v>
      </c>
      <c r="I22" s="1" t="s">
        <v>366</v>
      </c>
      <c r="J22" s="1" t="s">
        <v>63</v>
      </c>
      <c r="K22" s="1" t="s">
        <v>254</v>
      </c>
      <c r="L22" s="1" t="s">
        <v>34</v>
      </c>
      <c r="N22" s="1" t="s">
        <v>35</v>
      </c>
      <c r="O22" s="1" t="s">
        <v>57</v>
      </c>
      <c r="P22" s="1" t="s">
        <v>37</v>
      </c>
      <c r="Q22" s="1" t="s">
        <v>191</v>
      </c>
      <c r="R22" s="1" t="s">
        <v>83</v>
      </c>
      <c r="S22" s="1" t="s">
        <v>314</v>
      </c>
      <c r="T22" s="1" t="s">
        <v>41</v>
      </c>
      <c r="U22" s="1">
        <v>6.1</v>
      </c>
      <c r="V22" s="1"/>
      <c r="W22" s="1" t="s">
        <v>887</v>
      </c>
      <c r="X22" s="1">
        <v>9</v>
      </c>
      <c r="Y22" s="1">
        <v>1.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>
        <v>2.0000000000000001E-4</v>
      </c>
      <c r="AS22" s="1">
        <v>4.0000000000000002E-4</v>
      </c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35</v>
      </c>
      <c r="BP22" s="1">
        <v>27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38</v>
      </c>
      <c r="B23" s="2">
        <v>0.19791666666666666</v>
      </c>
      <c r="C23" s="1" t="s">
        <v>855</v>
      </c>
      <c r="D23" s="1" t="s">
        <v>27</v>
      </c>
      <c r="E23" s="1" t="s">
        <v>28</v>
      </c>
      <c r="F23" s="1" t="s">
        <v>371</v>
      </c>
      <c r="G23" s="1" t="s">
        <v>211</v>
      </c>
      <c r="H23" s="1" t="s">
        <v>185</v>
      </c>
      <c r="I23" s="1" t="s">
        <v>372</v>
      </c>
      <c r="J23" s="1" t="s">
        <v>63</v>
      </c>
      <c r="K23" s="1" t="s">
        <v>258</v>
      </c>
      <c r="L23" s="1" t="s">
        <v>34</v>
      </c>
      <c r="N23" s="1" t="s">
        <v>35</v>
      </c>
      <c r="O23" s="1" t="s">
        <v>57</v>
      </c>
      <c r="P23" s="1" t="s">
        <v>37</v>
      </c>
      <c r="Q23" s="1" t="s">
        <v>191</v>
      </c>
      <c r="R23" s="1" t="s">
        <v>163</v>
      </c>
      <c r="S23" s="1" t="s">
        <v>373</v>
      </c>
      <c r="T23" s="1" t="s">
        <v>60</v>
      </c>
      <c r="U23" s="1">
        <v>5.8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4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1</v>
      </c>
      <c r="B24" s="2">
        <v>0.4513888888888889</v>
      </c>
      <c r="C24" s="1" t="s">
        <v>855</v>
      </c>
      <c r="D24" s="1" t="s">
        <v>85</v>
      </c>
      <c r="E24" s="1" t="s">
        <v>857</v>
      </c>
      <c r="F24" s="1" t="s">
        <v>52</v>
      </c>
      <c r="G24" s="1" t="s">
        <v>62</v>
      </c>
      <c r="H24" s="1" t="s">
        <v>237</v>
      </c>
      <c r="I24" s="1" t="s">
        <v>374</v>
      </c>
      <c r="J24" s="1" t="s">
        <v>32</v>
      </c>
      <c r="K24" s="1" t="s">
        <v>309</v>
      </c>
      <c r="L24" s="1" t="s">
        <v>34</v>
      </c>
      <c r="N24" s="1" t="s">
        <v>35</v>
      </c>
      <c r="O24" s="1" t="s">
        <v>57</v>
      </c>
      <c r="P24" s="1" t="s">
        <v>300</v>
      </c>
      <c r="Q24" s="1" t="s">
        <v>191</v>
      </c>
      <c r="R24" s="1" t="s">
        <v>90</v>
      </c>
      <c r="S24" s="1" t="s">
        <v>157</v>
      </c>
      <c r="T24" s="1" t="s">
        <v>60</v>
      </c>
      <c r="U24" s="1">
        <v>8.4</v>
      </c>
      <c r="V24" s="4">
        <v>4900</v>
      </c>
      <c r="W24" s="1"/>
      <c r="X24" s="1">
        <v>7.4</v>
      </c>
      <c r="Y24" s="1">
        <v>0.39</v>
      </c>
      <c r="Z24" s="1">
        <v>4.0000000000000001E-3</v>
      </c>
      <c r="AA24" s="1"/>
      <c r="AB24" s="1"/>
      <c r="AC24" s="1" t="s">
        <v>881</v>
      </c>
      <c r="AD24" s="1" t="s">
        <v>882</v>
      </c>
      <c r="AE24" s="1" t="s">
        <v>885</v>
      </c>
      <c r="AF24" s="1" t="s">
        <v>884</v>
      </c>
      <c r="AG24" s="1" t="s">
        <v>885</v>
      </c>
      <c r="AH24" s="1" t="s">
        <v>883</v>
      </c>
      <c r="AI24" s="1"/>
      <c r="AJ24" s="1"/>
      <c r="AK24" s="1"/>
      <c r="AL24" s="1" t="s">
        <v>888</v>
      </c>
      <c r="AM24" s="1"/>
      <c r="AN24" s="1"/>
      <c r="AO24" s="1"/>
      <c r="AP24" t="s">
        <v>888</v>
      </c>
      <c r="AQ24" s="1"/>
      <c r="AR24" s="1">
        <v>2.9999999999999997E-4</v>
      </c>
      <c r="AS24" s="1">
        <v>5.9999999999999995E-4</v>
      </c>
      <c r="AT24" s="1"/>
      <c r="AU24" s="1"/>
      <c r="AV24" s="1"/>
      <c r="AW24" s="1"/>
      <c r="AX24" s="1"/>
      <c r="AY24" s="1"/>
      <c r="AZ24" s="1"/>
      <c r="BA24" s="1"/>
      <c r="BB24" s="1">
        <v>0.91</v>
      </c>
      <c r="BC24" s="1">
        <v>3.5</v>
      </c>
      <c r="BD24" s="1">
        <v>4.4000000000000004</v>
      </c>
      <c r="BE24" s="1"/>
      <c r="BF24" s="1"/>
      <c r="BG24" s="1"/>
      <c r="BH24" s="1"/>
      <c r="BI24" s="1"/>
      <c r="BJ24" s="1"/>
      <c r="BK24" s="1"/>
      <c r="BL24" s="1"/>
      <c r="BM24" s="1">
        <v>2</v>
      </c>
      <c r="BN24" s="1">
        <v>0.3</v>
      </c>
      <c r="BO24" s="1">
        <v>30</v>
      </c>
      <c r="BP24" s="1">
        <v>25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0138888888888884</v>
      </c>
      <c r="C25" s="1" t="s">
        <v>855</v>
      </c>
      <c r="D25" s="1" t="s">
        <v>85</v>
      </c>
      <c r="E25" s="1" t="s">
        <v>857</v>
      </c>
      <c r="F25" s="1" t="s">
        <v>246</v>
      </c>
      <c r="G25" s="1" t="s">
        <v>375</v>
      </c>
      <c r="H25" s="1" t="s">
        <v>237</v>
      </c>
      <c r="I25" s="1" t="s">
        <v>359</v>
      </c>
      <c r="J25" s="1" t="s">
        <v>32</v>
      </c>
      <c r="K25" s="1" t="s">
        <v>309</v>
      </c>
      <c r="L25" s="1" t="s">
        <v>34</v>
      </c>
      <c r="N25" s="1" t="s">
        <v>35</v>
      </c>
      <c r="O25" s="1" t="s">
        <v>57</v>
      </c>
      <c r="P25" s="1" t="s">
        <v>300</v>
      </c>
      <c r="Q25" s="1" t="s">
        <v>145</v>
      </c>
      <c r="R25" s="1" t="s">
        <v>146</v>
      </c>
      <c r="S25" s="1" t="s">
        <v>376</v>
      </c>
      <c r="T25" s="1" t="s">
        <v>60</v>
      </c>
      <c r="U25" s="1">
        <v>7.8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1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5138888888888884</v>
      </c>
      <c r="C26" s="1" t="s">
        <v>855</v>
      </c>
      <c r="D26" s="1" t="s">
        <v>85</v>
      </c>
      <c r="E26" s="1" t="s">
        <v>857</v>
      </c>
      <c r="F26" s="1" t="s">
        <v>203</v>
      </c>
      <c r="G26" s="1" t="s">
        <v>106</v>
      </c>
      <c r="H26" s="1" t="s">
        <v>237</v>
      </c>
      <c r="I26" s="1" t="s">
        <v>377</v>
      </c>
      <c r="J26" s="1" t="s">
        <v>32</v>
      </c>
      <c r="K26" s="1" t="s">
        <v>309</v>
      </c>
      <c r="L26" s="1" t="s">
        <v>34</v>
      </c>
      <c r="N26" s="1" t="s">
        <v>35</v>
      </c>
      <c r="O26" s="1" t="s">
        <v>57</v>
      </c>
      <c r="P26" s="1" t="s">
        <v>300</v>
      </c>
      <c r="Q26" s="1" t="s">
        <v>191</v>
      </c>
      <c r="R26" s="1" t="s">
        <v>109</v>
      </c>
      <c r="S26" s="1" t="s">
        <v>378</v>
      </c>
      <c r="T26" s="1" t="s">
        <v>60</v>
      </c>
      <c r="U26" s="1">
        <v>6.7</v>
      </c>
      <c r="V26" s="1"/>
      <c r="W26" s="1"/>
      <c r="X26" s="1">
        <v>9.3000000000000007</v>
      </c>
      <c r="Y26" s="1">
        <v>1.4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>
        <v>2.9999999999999997E-4</v>
      </c>
      <c r="AS26" s="1">
        <v>5.9999999999999995E-4</v>
      </c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34</v>
      </c>
      <c r="BP26" s="1">
        <v>27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252</v>
      </c>
      <c r="B27" s="2">
        <v>0.19444444444444445</v>
      </c>
      <c r="C27" s="1" t="s">
        <v>855</v>
      </c>
      <c r="D27" s="1" t="s">
        <v>85</v>
      </c>
      <c r="E27" s="1" t="s">
        <v>857</v>
      </c>
      <c r="F27" s="1" t="s">
        <v>43</v>
      </c>
      <c r="G27" s="1" t="s">
        <v>106</v>
      </c>
      <c r="H27" s="1" t="s">
        <v>177</v>
      </c>
      <c r="I27" s="1" t="s">
        <v>330</v>
      </c>
      <c r="J27" s="1" t="s">
        <v>32</v>
      </c>
      <c r="K27" s="1" t="s">
        <v>309</v>
      </c>
      <c r="L27" s="1" t="s">
        <v>34</v>
      </c>
      <c r="N27" s="1" t="s">
        <v>35</v>
      </c>
      <c r="O27" s="1" t="s">
        <v>57</v>
      </c>
      <c r="P27" s="1" t="s">
        <v>300</v>
      </c>
      <c r="Q27" s="1" t="s">
        <v>145</v>
      </c>
      <c r="R27" s="1" t="s">
        <v>149</v>
      </c>
      <c r="S27" s="1" t="s">
        <v>313</v>
      </c>
      <c r="T27" s="1" t="s">
        <v>60</v>
      </c>
      <c r="U27" s="1">
        <v>6.8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3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56</v>
      </c>
      <c r="B28" s="2">
        <v>0.45833333333333331</v>
      </c>
      <c r="C28" s="1" t="s">
        <v>855</v>
      </c>
      <c r="D28" s="1" t="s">
        <v>85</v>
      </c>
      <c r="E28" s="1" t="s">
        <v>28</v>
      </c>
      <c r="F28" s="1" t="s">
        <v>212</v>
      </c>
      <c r="G28" s="1" t="s">
        <v>202</v>
      </c>
      <c r="H28" s="1" t="s">
        <v>316</v>
      </c>
      <c r="I28" s="1" t="s">
        <v>379</v>
      </c>
      <c r="J28" s="1" t="s">
        <v>63</v>
      </c>
      <c r="K28" s="1" t="s">
        <v>223</v>
      </c>
      <c r="L28" s="1" t="s">
        <v>34</v>
      </c>
      <c r="N28" s="1" t="s">
        <v>35</v>
      </c>
      <c r="O28" s="1" t="s">
        <v>57</v>
      </c>
      <c r="P28" s="1" t="s">
        <v>300</v>
      </c>
      <c r="Q28" s="1" t="s">
        <v>145</v>
      </c>
      <c r="R28" s="1" t="s">
        <v>245</v>
      </c>
      <c r="S28" s="1" t="s">
        <v>282</v>
      </c>
      <c r="T28" s="1" t="s">
        <v>60</v>
      </c>
      <c r="U28" s="1">
        <v>8.6999999999999993</v>
      </c>
      <c r="V28" s="4">
        <v>4900</v>
      </c>
      <c r="W28" s="1"/>
      <c r="X28" s="1">
        <v>5</v>
      </c>
      <c r="Y28" s="1">
        <v>0.11</v>
      </c>
      <c r="Z28" s="1">
        <v>4.0000000000000001E-3</v>
      </c>
      <c r="AC28" s="1" t="s">
        <v>881</v>
      </c>
      <c r="AD28" s="1" t="s">
        <v>882</v>
      </c>
      <c r="AE28" s="1" t="s">
        <v>885</v>
      </c>
      <c r="AF28" s="1" t="s">
        <v>884</v>
      </c>
      <c r="AG28" s="1" t="s">
        <v>885</v>
      </c>
      <c r="AH28" s="1" t="s">
        <v>883</v>
      </c>
      <c r="AI28" s="1"/>
      <c r="AJ28" s="1"/>
      <c r="AK28" s="1"/>
      <c r="AL28" s="1" t="s">
        <v>888</v>
      </c>
      <c r="AM28" s="1"/>
      <c r="AN28" s="1"/>
      <c r="AO28" s="1"/>
      <c r="AP28" t="s">
        <v>888</v>
      </c>
      <c r="AQ28" s="1"/>
      <c r="AR28" s="1" t="s">
        <v>888</v>
      </c>
      <c r="AS28" s="1">
        <v>2.9999999999999997E-4</v>
      </c>
      <c r="AT28" s="1"/>
      <c r="AU28" s="1"/>
      <c r="AV28" s="1"/>
      <c r="AW28" s="1"/>
      <c r="AX28" s="1"/>
      <c r="AY28" s="1"/>
      <c r="AZ28" s="1" t="s">
        <v>893</v>
      </c>
      <c r="BA28" s="1">
        <v>0.03</v>
      </c>
      <c r="BB28" s="1">
        <v>0.48</v>
      </c>
      <c r="BC28" s="1">
        <v>3.6</v>
      </c>
      <c r="BD28" s="1">
        <v>4</v>
      </c>
      <c r="BF28" s="1">
        <v>5.0000000000000001E-3</v>
      </c>
      <c r="BG28" s="1" t="s">
        <v>885</v>
      </c>
      <c r="BH28" s="1">
        <v>0.02</v>
      </c>
      <c r="BI28" s="1" t="s">
        <v>882</v>
      </c>
      <c r="BJ28" s="1"/>
      <c r="BK28" s="1"/>
      <c r="BL28" s="1"/>
      <c r="BM28" s="1">
        <v>0.41</v>
      </c>
      <c r="BN28" s="1">
        <v>0.08</v>
      </c>
      <c r="BO28" s="1">
        <v>29</v>
      </c>
      <c r="BP28" s="1">
        <v>18</v>
      </c>
      <c r="BQ28" s="1"/>
      <c r="BR28" s="1" t="s">
        <v>90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70833333333333337</v>
      </c>
      <c r="C29" s="1" t="s">
        <v>855</v>
      </c>
      <c r="D29" s="1" t="s">
        <v>85</v>
      </c>
      <c r="E29" s="1" t="s">
        <v>28</v>
      </c>
      <c r="F29" s="1" t="s">
        <v>110</v>
      </c>
      <c r="G29" s="1" t="s">
        <v>380</v>
      </c>
      <c r="H29" s="1" t="s">
        <v>204</v>
      </c>
      <c r="I29" s="1" t="s">
        <v>381</v>
      </c>
      <c r="J29" s="1" t="s">
        <v>63</v>
      </c>
      <c r="K29" s="1" t="s">
        <v>223</v>
      </c>
      <c r="L29" s="1" t="s">
        <v>34</v>
      </c>
      <c r="N29" s="1" t="s">
        <v>35</v>
      </c>
      <c r="O29" s="1" t="s">
        <v>57</v>
      </c>
      <c r="P29" s="1" t="s">
        <v>37</v>
      </c>
      <c r="Q29" s="1" t="s">
        <v>171</v>
      </c>
      <c r="R29" s="1" t="s">
        <v>196</v>
      </c>
      <c r="S29" s="1" t="s">
        <v>163</v>
      </c>
      <c r="T29" s="1" t="s">
        <v>41</v>
      </c>
      <c r="U29" s="1">
        <v>8.5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28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5138888888888884</v>
      </c>
      <c r="C30" s="1" t="s">
        <v>855</v>
      </c>
      <c r="D30" s="1" t="s">
        <v>85</v>
      </c>
      <c r="E30" s="1" t="s">
        <v>28</v>
      </c>
      <c r="F30" s="1" t="s">
        <v>382</v>
      </c>
      <c r="G30" s="1" t="s">
        <v>383</v>
      </c>
      <c r="H30" s="1" t="s">
        <v>384</v>
      </c>
      <c r="I30" s="1" t="s">
        <v>385</v>
      </c>
      <c r="J30" s="1" t="s">
        <v>63</v>
      </c>
      <c r="K30" s="1" t="s">
        <v>223</v>
      </c>
      <c r="L30" s="1" t="s">
        <v>34</v>
      </c>
      <c r="N30" s="1" t="s">
        <v>35</v>
      </c>
      <c r="O30" s="1" t="s">
        <v>57</v>
      </c>
      <c r="P30" s="1" t="s">
        <v>37</v>
      </c>
      <c r="Q30" s="1" t="s">
        <v>171</v>
      </c>
      <c r="R30" s="1" t="s">
        <v>196</v>
      </c>
      <c r="S30" s="1" t="s">
        <v>282</v>
      </c>
      <c r="T30" s="1" t="s">
        <v>60</v>
      </c>
      <c r="U30" s="1">
        <v>7.9</v>
      </c>
      <c r="V30" s="1"/>
      <c r="W30" s="1"/>
      <c r="X30" s="1">
        <v>5.6</v>
      </c>
      <c r="Y30" s="1">
        <v>0.13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>
        <v>2.0000000000000001E-4</v>
      </c>
      <c r="AS30" s="1">
        <v>2.9999999999999997E-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29</v>
      </c>
      <c r="BP30" s="1">
        <v>18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66</v>
      </c>
      <c r="B31" s="2">
        <v>0.19444444444444445</v>
      </c>
      <c r="C31" s="1" t="s">
        <v>855</v>
      </c>
      <c r="D31" s="1" t="s">
        <v>85</v>
      </c>
      <c r="E31" s="1" t="s">
        <v>28</v>
      </c>
      <c r="F31" s="1" t="s">
        <v>203</v>
      </c>
      <c r="G31" s="1" t="s">
        <v>386</v>
      </c>
      <c r="H31" s="1" t="s">
        <v>387</v>
      </c>
      <c r="I31" s="1" t="s">
        <v>388</v>
      </c>
      <c r="J31" s="1" t="s">
        <v>63</v>
      </c>
      <c r="K31" s="1" t="s">
        <v>265</v>
      </c>
      <c r="L31" s="1" t="s">
        <v>34</v>
      </c>
      <c r="N31" s="1" t="s">
        <v>35</v>
      </c>
      <c r="O31" s="1" t="s">
        <v>57</v>
      </c>
      <c r="P31" s="1" t="s">
        <v>37</v>
      </c>
      <c r="Q31" s="1" t="s">
        <v>210</v>
      </c>
      <c r="R31" s="1" t="s">
        <v>82</v>
      </c>
      <c r="S31" s="1" t="s">
        <v>40</v>
      </c>
      <c r="T31" s="1" t="s">
        <v>60</v>
      </c>
      <c r="U31" s="1">
        <v>8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29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68</v>
      </c>
      <c r="B32" s="2">
        <v>0.4548611111111111</v>
      </c>
      <c r="C32" s="1" t="s">
        <v>855</v>
      </c>
      <c r="D32" s="1" t="s">
        <v>85</v>
      </c>
      <c r="E32" s="1" t="s">
        <v>856</v>
      </c>
      <c r="F32" s="1" t="s">
        <v>389</v>
      </c>
      <c r="G32" s="1" t="s">
        <v>386</v>
      </c>
      <c r="H32" s="1" t="s">
        <v>225</v>
      </c>
      <c r="I32" s="1" t="s">
        <v>374</v>
      </c>
      <c r="J32" s="1" t="s">
        <v>79</v>
      </c>
      <c r="K32" s="1" t="s">
        <v>258</v>
      </c>
      <c r="L32" s="1" t="s">
        <v>34</v>
      </c>
      <c r="N32" s="1" t="s">
        <v>35</v>
      </c>
      <c r="O32" s="1" t="s">
        <v>57</v>
      </c>
      <c r="P32" s="1" t="s">
        <v>37</v>
      </c>
      <c r="Q32" s="1" t="s">
        <v>191</v>
      </c>
      <c r="R32" s="1" t="s">
        <v>192</v>
      </c>
      <c r="S32" s="1" t="s">
        <v>147</v>
      </c>
      <c r="T32" s="1" t="s">
        <v>68</v>
      </c>
      <c r="U32" s="1">
        <v>9</v>
      </c>
      <c r="V32" s="4">
        <v>17000</v>
      </c>
      <c r="W32" s="1"/>
      <c r="X32" s="1">
        <v>5.6</v>
      </c>
      <c r="Y32" s="1">
        <v>0.24</v>
      </c>
      <c r="Z32" s="1">
        <v>8.0000000000000002E-3</v>
      </c>
      <c r="AC32" s="1" t="s">
        <v>881</v>
      </c>
      <c r="AD32" s="1" t="s">
        <v>882</v>
      </c>
      <c r="AE32" s="1" t="s">
        <v>885</v>
      </c>
      <c r="AF32" s="1" t="s">
        <v>884</v>
      </c>
      <c r="AG32" s="1" t="s">
        <v>885</v>
      </c>
      <c r="AH32" s="1" t="s">
        <v>883</v>
      </c>
      <c r="AI32" s="1"/>
      <c r="AJ32" s="1"/>
      <c r="AK32" s="1"/>
      <c r="AL32" s="1" t="s">
        <v>888</v>
      </c>
      <c r="AM32" s="1"/>
      <c r="AN32" s="1"/>
      <c r="AO32" s="1"/>
      <c r="AP32" t="s">
        <v>888</v>
      </c>
      <c r="AQ32" s="1"/>
      <c r="AR32" s="1" t="s">
        <v>888</v>
      </c>
      <c r="AS32" s="1">
        <v>2.9999999999999997E-4</v>
      </c>
      <c r="AT32" s="1"/>
      <c r="AU32" s="1"/>
      <c r="AV32" s="1"/>
      <c r="AW32" s="1"/>
      <c r="AX32" s="1"/>
      <c r="AY32" s="1"/>
      <c r="AZ32" s="1"/>
      <c r="BA32" s="1"/>
      <c r="BB32" s="1">
        <v>0.6</v>
      </c>
      <c r="BC32" s="1">
        <v>4.3</v>
      </c>
      <c r="BD32" s="1">
        <v>4.9000000000000004</v>
      </c>
      <c r="BF32" s="1"/>
      <c r="BG32" s="1"/>
      <c r="BH32" s="1"/>
      <c r="BI32" s="1"/>
      <c r="BJ32" s="1"/>
      <c r="BK32" s="1"/>
      <c r="BL32" s="1"/>
      <c r="BM32" s="1">
        <v>0.06</v>
      </c>
      <c r="BN32" s="1">
        <v>0.14000000000000001</v>
      </c>
      <c r="BO32" s="1">
        <v>31</v>
      </c>
      <c r="BP32" s="1">
        <v>27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70486111111111116</v>
      </c>
      <c r="C33" s="1" t="s">
        <v>855</v>
      </c>
      <c r="D33" s="1" t="s">
        <v>27</v>
      </c>
      <c r="E33" s="1" t="s">
        <v>856</v>
      </c>
      <c r="F33" s="1" t="s">
        <v>42</v>
      </c>
      <c r="G33" s="1" t="s">
        <v>390</v>
      </c>
      <c r="H33" s="1" t="s">
        <v>208</v>
      </c>
      <c r="I33" s="1" t="s">
        <v>391</v>
      </c>
      <c r="J33" s="1" t="s">
        <v>79</v>
      </c>
      <c r="K33" s="1" t="s">
        <v>280</v>
      </c>
      <c r="L33" s="1" t="s">
        <v>34</v>
      </c>
      <c r="N33" s="1" t="s">
        <v>35</v>
      </c>
      <c r="O33" s="1" t="s">
        <v>57</v>
      </c>
      <c r="P33" s="1" t="s">
        <v>300</v>
      </c>
      <c r="Q33" s="1" t="s">
        <v>191</v>
      </c>
      <c r="R33" s="1" t="s">
        <v>146</v>
      </c>
      <c r="S33" s="1" t="s">
        <v>376</v>
      </c>
      <c r="T33" s="1" t="s">
        <v>68</v>
      </c>
      <c r="U33" s="1">
        <v>8.3000000000000007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31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5833333333333337</v>
      </c>
      <c r="C34" s="1" t="s">
        <v>855</v>
      </c>
      <c r="D34" s="1" t="s">
        <v>27</v>
      </c>
      <c r="E34" s="1" t="s">
        <v>856</v>
      </c>
      <c r="F34" s="1" t="s">
        <v>117</v>
      </c>
      <c r="G34" s="1" t="s">
        <v>392</v>
      </c>
      <c r="H34" s="1" t="s">
        <v>265</v>
      </c>
      <c r="I34" s="1" t="s">
        <v>393</v>
      </c>
      <c r="J34" s="1" t="s">
        <v>79</v>
      </c>
      <c r="K34" s="1" t="s">
        <v>345</v>
      </c>
      <c r="L34" s="1" t="s">
        <v>34</v>
      </c>
      <c r="N34" s="1" t="s">
        <v>35</v>
      </c>
      <c r="O34" s="1" t="s">
        <v>57</v>
      </c>
      <c r="P34" s="1" t="s">
        <v>300</v>
      </c>
      <c r="Q34" s="1" t="s">
        <v>394</v>
      </c>
      <c r="R34" s="1" t="s">
        <v>156</v>
      </c>
      <c r="S34" s="1" t="s">
        <v>323</v>
      </c>
      <c r="T34" s="1" t="s">
        <v>68</v>
      </c>
      <c r="U34" s="1">
        <v>7.5</v>
      </c>
      <c r="V34" s="1"/>
      <c r="W34" s="1"/>
      <c r="X34" s="1">
        <v>7.3</v>
      </c>
      <c r="Y34" s="1">
        <v>0.49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 t="s">
        <v>888</v>
      </c>
      <c r="AS34" s="1">
        <v>2.9999999999999997E-4</v>
      </c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34</v>
      </c>
      <c r="BP34" s="1">
        <v>29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72</v>
      </c>
      <c r="B35" s="2">
        <v>0.19444444444444445</v>
      </c>
      <c r="C35" s="1" t="s">
        <v>855</v>
      </c>
      <c r="D35" s="1" t="s">
        <v>27</v>
      </c>
      <c r="E35" s="1" t="s">
        <v>856</v>
      </c>
      <c r="F35" s="1" t="s">
        <v>395</v>
      </c>
      <c r="G35" s="1" t="s">
        <v>320</v>
      </c>
      <c r="H35" s="1" t="s">
        <v>208</v>
      </c>
      <c r="I35" s="1" t="s">
        <v>396</v>
      </c>
      <c r="J35" s="1" t="s">
        <v>79</v>
      </c>
      <c r="K35" s="1" t="s">
        <v>33</v>
      </c>
      <c r="L35" s="1" t="s">
        <v>34</v>
      </c>
      <c r="N35" s="1" t="s">
        <v>35</v>
      </c>
      <c r="O35" s="1" t="s">
        <v>57</v>
      </c>
      <c r="P35" s="1" t="s">
        <v>300</v>
      </c>
      <c r="Q35" s="1" t="s">
        <v>296</v>
      </c>
      <c r="R35" s="1" t="s">
        <v>192</v>
      </c>
      <c r="S35" s="1" t="s">
        <v>287</v>
      </c>
      <c r="T35" s="1" t="s">
        <v>41</v>
      </c>
      <c r="U35" s="1">
        <v>7.6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34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37</v>
      </c>
      <c r="B36" s="2">
        <v>0.5</v>
      </c>
      <c r="C36" s="1" t="s">
        <v>855</v>
      </c>
      <c r="D36" s="1" t="s">
        <v>85</v>
      </c>
      <c r="E36" s="1" t="s">
        <v>857</v>
      </c>
      <c r="F36" s="1" t="s">
        <v>42</v>
      </c>
      <c r="G36" s="1" t="s">
        <v>106</v>
      </c>
      <c r="H36" s="1" t="s">
        <v>345</v>
      </c>
      <c r="I36" s="1" t="s">
        <v>397</v>
      </c>
      <c r="J36" s="1" t="s">
        <v>63</v>
      </c>
      <c r="K36" s="1" t="s">
        <v>190</v>
      </c>
      <c r="L36" s="1" t="s">
        <v>398</v>
      </c>
      <c r="N36" s="1" t="s">
        <v>35</v>
      </c>
      <c r="O36" s="1" t="s">
        <v>57</v>
      </c>
      <c r="P36" s="1" t="s">
        <v>300</v>
      </c>
      <c r="Q36" s="1" t="s">
        <v>394</v>
      </c>
      <c r="R36" s="1" t="s">
        <v>149</v>
      </c>
      <c r="S36" s="1" t="s">
        <v>399</v>
      </c>
      <c r="T36" s="1" t="s">
        <v>68</v>
      </c>
      <c r="U36" s="1">
        <v>8.5</v>
      </c>
      <c r="V36" s="4">
        <v>3300</v>
      </c>
      <c r="W36" s="1"/>
      <c r="X36" s="1">
        <v>7.5</v>
      </c>
      <c r="Y36" s="1">
        <v>0.63</v>
      </c>
      <c r="Z36" s="1">
        <v>7.0000000000000001E-3</v>
      </c>
      <c r="AC36" s="1" t="s">
        <v>881</v>
      </c>
      <c r="AD36" s="1" t="s">
        <v>882</v>
      </c>
      <c r="AE36" s="1" t="s">
        <v>885</v>
      </c>
      <c r="AF36" s="1" t="s">
        <v>884</v>
      </c>
      <c r="AG36" s="1" t="s">
        <v>885</v>
      </c>
      <c r="AH36" s="1" t="s">
        <v>883</v>
      </c>
      <c r="AI36" s="1"/>
      <c r="AJ36" s="1"/>
      <c r="AK36" s="1"/>
      <c r="AL36" s="1" t="s">
        <v>888</v>
      </c>
      <c r="AM36" s="1"/>
      <c r="AN36" s="1"/>
      <c r="AO36" s="1"/>
      <c r="AP36" t="s">
        <v>888</v>
      </c>
      <c r="AQ36" s="1"/>
      <c r="AR36" s="1" t="s">
        <v>888</v>
      </c>
      <c r="AS36" s="1">
        <v>2.0000000000000001E-4</v>
      </c>
      <c r="AT36" s="1"/>
      <c r="AU36" s="1"/>
      <c r="AV36" s="1"/>
      <c r="AW36" s="1"/>
      <c r="AX36" s="1"/>
      <c r="AY36" s="1"/>
      <c r="AZ36" s="1" t="s">
        <v>893</v>
      </c>
      <c r="BA36" s="1">
        <v>0.05</v>
      </c>
      <c r="BB36" s="1">
        <v>0.6</v>
      </c>
      <c r="BC36" s="1">
        <v>5.9</v>
      </c>
      <c r="BD36" s="1">
        <v>6.5</v>
      </c>
      <c r="BF36" s="1" t="s">
        <v>885</v>
      </c>
      <c r="BG36" s="1" t="s">
        <v>885</v>
      </c>
      <c r="BH36" s="1">
        <v>0.03</v>
      </c>
      <c r="BI36" s="1" t="s">
        <v>882</v>
      </c>
      <c r="BJ36" s="1"/>
      <c r="BK36" s="1"/>
      <c r="BL36" s="1"/>
      <c r="BM36" s="1">
        <v>0.04</v>
      </c>
      <c r="BN36" s="1">
        <v>0.48</v>
      </c>
      <c r="BO36" s="1">
        <v>38</v>
      </c>
      <c r="BP36" s="1">
        <v>42</v>
      </c>
      <c r="BQ36" s="1"/>
      <c r="BR36" s="1">
        <v>0.04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70833333333333337</v>
      </c>
      <c r="C37" s="1" t="s">
        <v>855</v>
      </c>
      <c r="D37" s="1" t="s">
        <v>85</v>
      </c>
      <c r="E37" s="1" t="s">
        <v>857</v>
      </c>
      <c r="F37" s="1" t="s">
        <v>400</v>
      </c>
      <c r="G37" s="1" t="s">
        <v>401</v>
      </c>
      <c r="H37" s="1" t="s">
        <v>331</v>
      </c>
      <c r="I37" s="1" t="s">
        <v>402</v>
      </c>
      <c r="J37" s="1" t="s">
        <v>63</v>
      </c>
      <c r="K37" s="1" t="s">
        <v>190</v>
      </c>
      <c r="L37" s="1" t="s">
        <v>34</v>
      </c>
      <c r="N37" s="1" t="s">
        <v>35</v>
      </c>
      <c r="O37" s="1" t="s">
        <v>57</v>
      </c>
      <c r="P37" s="1" t="s">
        <v>300</v>
      </c>
      <c r="Q37" s="1" t="s">
        <v>191</v>
      </c>
      <c r="R37" s="1" t="s">
        <v>192</v>
      </c>
      <c r="S37" s="1" t="s">
        <v>81</v>
      </c>
      <c r="T37" s="1" t="s">
        <v>68</v>
      </c>
      <c r="U37" s="1">
        <v>8.6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32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5833333333333337</v>
      </c>
      <c r="C38" s="1" t="s">
        <v>855</v>
      </c>
      <c r="D38" s="1" t="s">
        <v>85</v>
      </c>
      <c r="E38" s="1" t="s">
        <v>857</v>
      </c>
      <c r="F38" s="1" t="s">
        <v>188</v>
      </c>
      <c r="G38" s="1" t="s">
        <v>53</v>
      </c>
      <c r="H38" s="1" t="s">
        <v>331</v>
      </c>
      <c r="I38" s="1" t="s">
        <v>403</v>
      </c>
      <c r="J38" s="1" t="s">
        <v>63</v>
      </c>
      <c r="K38" s="1" t="s">
        <v>190</v>
      </c>
      <c r="L38" s="1" t="s">
        <v>34</v>
      </c>
      <c r="N38" s="1" t="s">
        <v>35</v>
      </c>
      <c r="O38" s="1" t="s">
        <v>57</v>
      </c>
      <c r="P38" s="1" t="s">
        <v>300</v>
      </c>
      <c r="Q38" s="1" t="s">
        <v>394</v>
      </c>
      <c r="R38" s="1" t="s">
        <v>49</v>
      </c>
      <c r="S38" s="1" t="s">
        <v>171</v>
      </c>
      <c r="T38" s="1" t="s">
        <v>41</v>
      </c>
      <c r="U38" s="1">
        <v>7.5</v>
      </c>
      <c r="V38" s="1"/>
      <c r="W38" s="1"/>
      <c r="X38" s="1">
        <v>8.6</v>
      </c>
      <c r="Y38" s="1">
        <v>0.6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>
        <v>2.0000000000000001E-4</v>
      </c>
      <c r="AS38" s="1">
        <v>2.9999999999999997E-4</v>
      </c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36</v>
      </c>
      <c r="BP38" s="1">
        <v>34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84</v>
      </c>
      <c r="B39" s="2">
        <v>0.20833333333333334</v>
      </c>
      <c r="C39" s="1" t="s">
        <v>855</v>
      </c>
      <c r="D39" s="1" t="s">
        <v>85</v>
      </c>
      <c r="E39" s="1" t="s">
        <v>857</v>
      </c>
      <c r="F39" s="1" t="s">
        <v>404</v>
      </c>
      <c r="G39" s="1" t="s">
        <v>203</v>
      </c>
      <c r="H39" s="1" t="s">
        <v>276</v>
      </c>
      <c r="I39" s="1" t="s">
        <v>405</v>
      </c>
      <c r="J39" s="1" t="s">
        <v>44</v>
      </c>
      <c r="K39" s="1" t="s">
        <v>190</v>
      </c>
      <c r="L39" s="1" t="s">
        <v>34</v>
      </c>
      <c r="N39" s="1" t="s">
        <v>35</v>
      </c>
      <c r="O39" s="1" t="s">
        <v>57</v>
      </c>
      <c r="P39" s="1" t="s">
        <v>300</v>
      </c>
      <c r="Q39" s="1" t="s">
        <v>296</v>
      </c>
      <c r="R39" s="1" t="s">
        <v>39</v>
      </c>
      <c r="S39" s="1" t="s">
        <v>313</v>
      </c>
      <c r="T39" s="1" t="s">
        <v>41</v>
      </c>
      <c r="U39" s="1">
        <v>7.8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34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44</v>
      </c>
      <c r="B40" s="2">
        <v>0.45833333333333331</v>
      </c>
      <c r="C40" s="1" t="s">
        <v>855</v>
      </c>
      <c r="D40" s="1" t="s">
        <v>27</v>
      </c>
      <c r="E40" s="1" t="s">
        <v>28</v>
      </c>
      <c r="F40" s="1" t="s">
        <v>128</v>
      </c>
      <c r="G40" s="1" t="s">
        <v>183</v>
      </c>
      <c r="H40" s="1" t="s">
        <v>237</v>
      </c>
      <c r="I40" s="1" t="s">
        <v>406</v>
      </c>
      <c r="J40" s="1" t="s">
        <v>79</v>
      </c>
      <c r="K40" s="1" t="s">
        <v>254</v>
      </c>
      <c r="L40" s="1" t="s">
        <v>154</v>
      </c>
      <c r="N40" s="1" t="s">
        <v>35</v>
      </c>
      <c r="O40" s="1" t="s">
        <v>407</v>
      </c>
      <c r="P40" s="1" t="s">
        <v>300</v>
      </c>
      <c r="Q40" s="1" t="s">
        <v>408</v>
      </c>
      <c r="R40" s="1" t="s">
        <v>82</v>
      </c>
      <c r="S40" s="1" t="s">
        <v>409</v>
      </c>
      <c r="T40" s="1" t="s">
        <v>68</v>
      </c>
      <c r="U40" s="1">
        <v>9.1</v>
      </c>
      <c r="V40" s="4">
        <v>45</v>
      </c>
      <c r="W40" s="1"/>
      <c r="X40" s="1">
        <v>11</v>
      </c>
      <c r="Y40" s="1">
        <v>1.2</v>
      </c>
      <c r="Z40" s="1">
        <v>7.0000000000000001E-3</v>
      </c>
      <c r="AC40" s="1" t="s">
        <v>881</v>
      </c>
      <c r="AD40" s="1" t="s">
        <v>882</v>
      </c>
      <c r="AE40" s="1" t="s">
        <v>885</v>
      </c>
      <c r="AF40" s="1" t="s">
        <v>884</v>
      </c>
      <c r="AG40" s="1" t="s">
        <v>885</v>
      </c>
      <c r="AH40" s="1" t="s">
        <v>883</v>
      </c>
      <c r="AI40" s="1"/>
      <c r="AJ40" s="1"/>
      <c r="AK40" s="1"/>
      <c r="AL40" s="1" t="s">
        <v>888</v>
      </c>
      <c r="AM40" s="1"/>
      <c r="AN40" s="1"/>
      <c r="AO40" s="1"/>
      <c r="AP40" t="s">
        <v>888</v>
      </c>
      <c r="AQ40" s="1"/>
      <c r="AR40" s="1" t="s">
        <v>888</v>
      </c>
      <c r="AS40" s="1">
        <v>2.0000000000000001E-4</v>
      </c>
      <c r="AT40" s="1"/>
      <c r="AU40" s="1"/>
      <c r="AV40" s="1"/>
      <c r="AW40" s="1"/>
      <c r="AX40" s="1"/>
      <c r="AY40" s="1"/>
      <c r="AZ40" s="1"/>
      <c r="BA40" s="1"/>
      <c r="BB40" s="1">
        <v>7.0000000000000007E-2</v>
      </c>
      <c r="BC40" s="1">
        <v>9.6999999999999993</v>
      </c>
      <c r="BD40" s="1">
        <v>9.6999999999999993</v>
      </c>
      <c r="BF40" s="1"/>
      <c r="BG40" s="1"/>
      <c r="BH40" s="1"/>
      <c r="BI40" s="1"/>
      <c r="BJ40" s="1"/>
      <c r="BK40" s="1"/>
      <c r="BL40" s="1"/>
      <c r="BM40" s="1">
        <v>0.09</v>
      </c>
      <c r="BN40" s="1">
        <v>1</v>
      </c>
      <c r="BO40" s="1">
        <v>42</v>
      </c>
      <c r="BP40" s="1">
        <v>46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70833333333333337</v>
      </c>
      <c r="C41" s="1" t="s">
        <v>855</v>
      </c>
      <c r="D41" s="1" t="s">
        <v>27</v>
      </c>
      <c r="E41" s="1" t="s">
        <v>28</v>
      </c>
      <c r="F41" s="1" t="s">
        <v>314</v>
      </c>
      <c r="G41" s="1" t="s">
        <v>43</v>
      </c>
      <c r="H41" s="1" t="s">
        <v>190</v>
      </c>
      <c r="I41" s="1" t="s">
        <v>410</v>
      </c>
      <c r="J41" s="1" t="s">
        <v>44</v>
      </c>
      <c r="K41" s="1" t="s">
        <v>280</v>
      </c>
      <c r="L41" s="1" t="s">
        <v>360</v>
      </c>
      <c r="N41" s="1" t="s">
        <v>35</v>
      </c>
      <c r="O41" s="1" t="s">
        <v>407</v>
      </c>
      <c r="P41" s="1" t="s">
        <v>300</v>
      </c>
      <c r="Q41" s="1" t="s">
        <v>191</v>
      </c>
      <c r="R41" s="1" t="s">
        <v>303</v>
      </c>
      <c r="S41" s="1" t="s">
        <v>411</v>
      </c>
      <c r="T41" s="1" t="s">
        <v>68</v>
      </c>
      <c r="U41" s="1">
        <v>9.6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39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5833333333333337</v>
      </c>
      <c r="C42" s="1" t="s">
        <v>855</v>
      </c>
      <c r="D42" s="1" t="s">
        <v>27</v>
      </c>
      <c r="E42" s="1" t="s">
        <v>28</v>
      </c>
      <c r="F42" s="1" t="s">
        <v>412</v>
      </c>
      <c r="G42" s="1" t="s">
        <v>43</v>
      </c>
      <c r="H42" s="1" t="s">
        <v>355</v>
      </c>
      <c r="I42" s="1" t="s">
        <v>413</v>
      </c>
      <c r="J42" s="1" t="s">
        <v>79</v>
      </c>
      <c r="K42" s="1" t="s">
        <v>280</v>
      </c>
      <c r="L42" s="1" t="s">
        <v>414</v>
      </c>
      <c r="N42" s="1" t="s">
        <v>35</v>
      </c>
      <c r="O42" s="1" t="s">
        <v>407</v>
      </c>
      <c r="P42" s="1" t="s">
        <v>300</v>
      </c>
      <c r="Q42" s="1" t="s">
        <v>415</v>
      </c>
      <c r="R42" s="1" t="s">
        <v>83</v>
      </c>
      <c r="S42" s="1" t="s">
        <v>143</v>
      </c>
      <c r="T42" s="1" t="s">
        <v>68</v>
      </c>
      <c r="U42" s="1">
        <v>7.5</v>
      </c>
      <c r="V42" s="1"/>
      <c r="W42" s="1"/>
      <c r="X42" s="1">
        <v>12</v>
      </c>
      <c r="Y42" s="1">
        <v>2.9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 t="s">
        <v>888</v>
      </c>
      <c r="AS42" s="1" t="s">
        <v>888</v>
      </c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43</v>
      </c>
      <c r="BP42" s="1">
        <v>47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93</v>
      </c>
      <c r="B43" s="2">
        <v>0.20833333333333334</v>
      </c>
      <c r="C43" s="1" t="s">
        <v>855</v>
      </c>
      <c r="D43" s="1" t="s">
        <v>27</v>
      </c>
      <c r="E43" s="1" t="s">
        <v>28</v>
      </c>
      <c r="F43" s="1" t="s">
        <v>416</v>
      </c>
      <c r="G43" s="1" t="s">
        <v>114</v>
      </c>
      <c r="H43" s="1" t="s">
        <v>234</v>
      </c>
      <c r="I43" s="1" t="s">
        <v>417</v>
      </c>
      <c r="J43" s="1" t="s">
        <v>79</v>
      </c>
      <c r="K43" s="1" t="s">
        <v>331</v>
      </c>
      <c r="L43" s="1" t="s">
        <v>418</v>
      </c>
      <c r="N43" s="1" t="s">
        <v>35</v>
      </c>
      <c r="O43" s="1" t="s">
        <v>407</v>
      </c>
      <c r="P43" s="1" t="s">
        <v>300</v>
      </c>
      <c r="Q43" s="1" t="s">
        <v>288</v>
      </c>
      <c r="R43" s="1" t="s">
        <v>348</v>
      </c>
      <c r="S43" s="1" t="s">
        <v>409</v>
      </c>
      <c r="T43" s="1" t="s">
        <v>182</v>
      </c>
      <c r="U43" s="1">
        <v>8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42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95</v>
      </c>
      <c r="B44" s="2">
        <v>0.45833333333333331</v>
      </c>
      <c r="C44" s="1" t="s">
        <v>855</v>
      </c>
      <c r="D44" s="1" t="s">
        <v>85</v>
      </c>
      <c r="E44" s="1" t="s">
        <v>28</v>
      </c>
      <c r="F44" s="1" t="s">
        <v>81</v>
      </c>
      <c r="G44" s="1" t="s">
        <v>125</v>
      </c>
      <c r="H44" s="1" t="s">
        <v>276</v>
      </c>
      <c r="I44" s="1" t="s">
        <v>419</v>
      </c>
      <c r="J44" s="1" t="s">
        <v>32</v>
      </c>
      <c r="K44" s="1" t="s">
        <v>334</v>
      </c>
      <c r="L44" s="1" t="s">
        <v>332</v>
      </c>
      <c r="N44" s="1" t="s">
        <v>35</v>
      </c>
      <c r="O44" s="1" t="s">
        <v>278</v>
      </c>
      <c r="P44" s="1" t="s">
        <v>300</v>
      </c>
      <c r="Q44" s="1" t="s">
        <v>288</v>
      </c>
      <c r="R44" s="1" t="s">
        <v>173</v>
      </c>
      <c r="S44" s="1" t="s">
        <v>134</v>
      </c>
      <c r="T44" s="1" t="s">
        <v>68</v>
      </c>
      <c r="U44" s="1">
        <v>9</v>
      </c>
      <c r="V44" s="4">
        <v>110</v>
      </c>
      <c r="W44" s="1" t="s">
        <v>887</v>
      </c>
      <c r="X44" s="1">
        <v>10</v>
      </c>
      <c r="Y44" s="1">
        <v>0.51</v>
      </c>
      <c r="Z44" s="1">
        <v>1.4999999999999999E-2</v>
      </c>
      <c r="AC44" s="1" t="s">
        <v>881</v>
      </c>
      <c r="AD44" s="1" t="s">
        <v>882</v>
      </c>
      <c r="AE44" s="1" t="s">
        <v>885</v>
      </c>
      <c r="AF44" s="1" t="s">
        <v>884</v>
      </c>
      <c r="AG44" s="1" t="s">
        <v>885</v>
      </c>
      <c r="AH44" s="1" t="s">
        <v>883</v>
      </c>
      <c r="AI44" s="1"/>
      <c r="AJ44" s="1" t="s">
        <v>883</v>
      </c>
      <c r="AK44" s="1" t="s">
        <v>888</v>
      </c>
      <c r="AL44" s="1" t="s">
        <v>888</v>
      </c>
      <c r="AM44" s="1" t="s">
        <v>888</v>
      </c>
      <c r="AN44" s="1" t="s">
        <v>888</v>
      </c>
      <c r="AO44" s="1" t="s">
        <v>888</v>
      </c>
      <c r="AP44" t="s">
        <v>888</v>
      </c>
      <c r="AQ44" s="1" t="s">
        <v>888</v>
      </c>
      <c r="AR44" s="1">
        <v>2.0000000000000001E-4</v>
      </c>
      <c r="AS44" s="1">
        <v>2.9999999999999997E-4</v>
      </c>
      <c r="AT44" s="1" t="s">
        <v>896</v>
      </c>
      <c r="AU44" s="1" t="s">
        <v>883</v>
      </c>
      <c r="AV44" s="1" t="s">
        <v>881</v>
      </c>
      <c r="AW44" s="1" t="s">
        <v>881</v>
      </c>
      <c r="AX44" s="1" t="s">
        <v>888</v>
      </c>
      <c r="AY44" s="1" t="s">
        <v>894</v>
      </c>
      <c r="AZ44" s="1" t="s">
        <v>893</v>
      </c>
      <c r="BA44" s="1">
        <v>0.04</v>
      </c>
      <c r="BB44" s="1">
        <v>0.08</v>
      </c>
      <c r="BC44" s="1">
        <v>9.6999999999999993</v>
      </c>
      <c r="BD44" s="1">
        <v>9.6999999999999993</v>
      </c>
      <c r="BE44" t="s">
        <v>885</v>
      </c>
      <c r="BF44" s="1" t="s">
        <v>885</v>
      </c>
      <c r="BG44" s="1" t="s">
        <v>885</v>
      </c>
      <c r="BH44" s="1">
        <v>0.04</v>
      </c>
      <c r="BI44" s="1">
        <v>0.01</v>
      </c>
      <c r="BJ44" s="1"/>
      <c r="BK44" s="1"/>
      <c r="BL44" s="1" t="s">
        <v>902</v>
      </c>
      <c r="BM44" s="1">
        <v>0.18</v>
      </c>
      <c r="BN44" s="1">
        <v>0.28999999999999998</v>
      </c>
      <c r="BO44" s="1">
        <v>42</v>
      </c>
      <c r="BP44" s="1">
        <v>47</v>
      </c>
      <c r="BQ44" s="1"/>
      <c r="BR44" s="1">
        <v>0.03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70833333333333337</v>
      </c>
      <c r="C45" s="1" t="s">
        <v>855</v>
      </c>
      <c r="D45" s="1" t="s">
        <v>85</v>
      </c>
      <c r="E45" s="1" t="s">
        <v>28</v>
      </c>
      <c r="F45" s="1" t="s">
        <v>288</v>
      </c>
      <c r="G45" s="1" t="s">
        <v>175</v>
      </c>
      <c r="H45" s="1" t="s">
        <v>309</v>
      </c>
      <c r="I45" s="1" t="s">
        <v>420</v>
      </c>
      <c r="J45" s="1" t="s">
        <v>32</v>
      </c>
      <c r="K45" s="1" t="s">
        <v>254</v>
      </c>
      <c r="L45" s="1" t="s">
        <v>421</v>
      </c>
      <c r="N45" s="1" t="s">
        <v>35</v>
      </c>
      <c r="O45" s="1" t="s">
        <v>278</v>
      </c>
      <c r="P45" s="1" t="s">
        <v>300</v>
      </c>
      <c r="Q45" s="1" t="s">
        <v>296</v>
      </c>
      <c r="R45" s="1" t="s">
        <v>82</v>
      </c>
      <c r="S45" s="1" t="s">
        <v>210</v>
      </c>
      <c r="T45" s="1" t="s">
        <v>286</v>
      </c>
      <c r="U45" s="1">
        <v>9.8000000000000007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41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5486111111111116</v>
      </c>
      <c r="C46" s="1" t="s">
        <v>855</v>
      </c>
      <c r="D46" s="1" t="s">
        <v>85</v>
      </c>
      <c r="E46" s="1" t="s">
        <v>28</v>
      </c>
      <c r="F46" s="1" t="s">
        <v>50</v>
      </c>
      <c r="G46" s="1" t="s">
        <v>42</v>
      </c>
      <c r="H46" s="1" t="s">
        <v>224</v>
      </c>
      <c r="I46" s="1" t="s">
        <v>422</v>
      </c>
      <c r="J46" s="1" t="s">
        <v>32</v>
      </c>
      <c r="K46" s="1" t="s">
        <v>208</v>
      </c>
      <c r="L46" s="1" t="s">
        <v>418</v>
      </c>
      <c r="N46" s="1" t="s">
        <v>35</v>
      </c>
      <c r="O46" s="1" t="s">
        <v>278</v>
      </c>
      <c r="P46" s="1" t="s">
        <v>300</v>
      </c>
      <c r="Q46" s="1" t="s">
        <v>415</v>
      </c>
      <c r="R46" s="1" t="s">
        <v>156</v>
      </c>
      <c r="S46" s="1" t="s">
        <v>409</v>
      </c>
      <c r="T46" s="1" t="s">
        <v>68</v>
      </c>
      <c r="U46" s="1">
        <v>7.7</v>
      </c>
      <c r="V46" s="1"/>
      <c r="W46" s="1" t="s">
        <v>887</v>
      </c>
      <c r="X46" s="1">
        <v>13</v>
      </c>
      <c r="Y46" s="1">
        <v>1.5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>
        <v>2.0000000000000001E-4</v>
      </c>
      <c r="AS46" s="1">
        <v>2.0000000000000001E-4</v>
      </c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44</v>
      </c>
      <c r="BP46" s="1">
        <v>51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98</v>
      </c>
      <c r="B47" s="2">
        <v>0.1875</v>
      </c>
      <c r="C47" s="1" t="s">
        <v>855</v>
      </c>
      <c r="D47" s="1" t="s">
        <v>85</v>
      </c>
      <c r="E47" s="1" t="s">
        <v>28</v>
      </c>
      <c r="F47" s="1" t="s">
        <v>328</v>
      </c>
      <c r="G47" s="1" t="s">
        <v>423</v>
      </c>
      <c r="H47" s="1" t="s">
        <v>309</v>
      </c>
      <c r="I47" s="1" t="s">
        <v>424</v>
      </c>
      <c r="J47" s="1" t="s">
        <v>79</v>
      </c>
      <c r="K47" s="1" t="s">
        <v>254</v>
      </c>
      <c r="L47" s="1" t="s">
        <v>425</v>
      </c>
      <c r="N47" s="1" t="s">
        <v>35</v>
      </c>
      <c r="O47" s="1" t="s">
        <v>278</v>
      </c>
      <c r="P47" s="1" t="s">
        <v>300</v>
      </c>
      <c r="Q47" s="1" t="s">
        <v>408</v>
      </c>
      <c r="R47" s="1" t="s">
        <v>347</v>
      </c>
      <c r="S47" s="1" t="s">
        <v>58</v>
      </c>
      <c r="T47" s="1" t="s">
        <v>286</v>
      </c>
      <c r="U47" s="1">
        <v>7.3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41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8</v>
      </c>
      <c r="B48" s="2">
        <v>0.45833333333333331</v>
      </c>
      <c r="C48" s="1" t="s">
        <v>855</v>
      </c>
      <c r="D48" s="1" t="s">
        <v>85</v>
      </c>
      <c r="E48" s="1" t="s">
        <v>857</v>
      </c>
      <c r="F48" s="1" t="s">
        <v>124</v>
      </c>
      <c r="G48" s="1" t="s">
        <v>203</v>
      </c>
      <c r="H48" s="1" t="s">
        <v>169</v>
      </c>
      <c r="I48" s="1" t="s">
        <v>426</v>
      </c>
      <c r="J48" s="1" t="s">
        <v>32</v>
      </c>
      <c r="K48" s="1" t="s">
        <v>280</v>
      </c>
      <c r="L48" s="1" t="s">
        <v>335</v>
      </c>
      <c r="N48" s="1" t="s">
        <v>35</v>
      </c>
      <c r="O48" s="1" t="s">
        <v>278</v>
      </c>
      <c r="P48" s="1" t="s">
        <v>300</v>
      </c>
      <c r="Q48" s="1" t="s">
        <v>296</v>
      </c>
      <c r="R48" s="1" t="s">
        <v>49</v>
      </c>
      <c r="S48" s="1" t="s">
        <v>394</v>
      </c>
      <c r="T48" s="1" t="s">
        <v>68</v>
      </c>
      <c r="U48" s="1">
        <v>8.9</v>
      </c>
      <c r="V48" s="4">
        <v>790</v>
      </c>
      <c r="W48" s="1"/>
      <c r="X48" s="1">
        <v>9.8000000000000007</v>
      </c>
      <c r="Y48" s="1">
        <v>0.67</v>
      </c>
      <c r="Z48" s="1">
        <v>1.2999999999999999E-2</v>
      </c>
      <c r="AC48" s="1" t="s">
        <v>881</v>
      </c>
      <c r="AD48" s="1" t="s">
        <v>882</v>
      </c>
      <c r="AE48" s="1" t="s">
        <v>885</v>
      </c>
      <c r="AF48" s="1" t="s">
        <v>884</v>
      </c>
      <c r="AG48" s="1" t="s">
        <v>885</v>
      </c>
      <c r="AH48" s="1" t="s">
        <v>883</v>
      </c>
      <c r="AI48" s="1"/>
      <c r="AJ48" s="1"/>
      <c r="AK48" s="1"/>
      <c r="AL48" s="1" t="s">
        <v>888</v>
      </c>
      <c r="AM48" s="1"/>
      <c r="AN48" s="1"/>
      <c r="AO48" s="1"/>
      <c r="AP48" t="s">
        <v>888</v>
      </c>
      <c r="AQ48" s="1"/>
      <c r="AR48" s="1">
        <v>2.0000000000000001E-4</v>
      </c>
      <c r="AS48" s="1">
        <v>2.9999999999999997E-4</v>
      </c>
      <c r="AT48" s="1"/>
      <c r="AU48" s="1"/>
      <c r="AV48" s="1"/>
      <c r="AW48" s="1"/>
      <c r="AX48" s="1"/>
      <c r="AY48" s="1"/>
      <c r="AZ48" s="1"/>
      <c r="BA48" s="1"/>
      <c r="BB48" s="1">
        <v>0.08</v>
      </c>
      <c r="BC48" s="1">
        <v>7.5</v>
      </c>
      <c r="BD48" s="1">
        <v>7.5</v>
      </c>
      <c r="BF48" s="1"/>
      <c r="BG48" s="1"/>
      <c r="BH48" s="1"/>
      <c r="BI48" s="1"/>
      <c r="BJ48" s="1"/>
      <c r="BK48" s="1"/>
      <c r="BL48" s="1"/>
      <c r="BM48" s="1">
        <v>0.23</v>
      </c>
      <c r="BN48" s="1">
        <v>0.51</v>
      </c>
      <c r="BO48" s="1">
        <v>33</v>
      </c>
      <c r="BP48" s="1">
        <v>29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70833333333333337</v>
      </c>
      <c r="C49" s="1" t="s">
        <v>855</v>
      </c>
      <c r="D49" s="1" t="s">
        <v>85</v>
      </c>
      <c r="E49" s="1" t="s">
        <v>857</v>
      </c>
      <c r="F49" s="1" t="s">
        <v>117</v>
      </c>
      <c r="G49" s="1" t="s">
        <v>183</v>
      </c>
      <c r="H49" s="1" t="s">
        <v>184</v>
      </c>
      <c r="I49" s="1" t="s">
        <v>427</v>
      </c>
      <c r="J49" s="1" t="s">
        <v>32</v>
      </c>
      <c r="K49" s="1" t="s">
        <v>331</v>
      </c>
      <c r="L49" s="1" t="s">
        <v>428</v>
      </c>
      <c r="N49" s="1" t="s">
        <v>35</v>
      </c>
      <c r="O49" s="1" t="s">
        <v>278</v>
      </c>
      <c r="P49" s="1" t="s">
        <v>300</v>
      </c>
      <c r="Q49" s="1" t="s">
        <v>191</v>
      </c>
      <c r="R49" s="1" t="s">
        <v>226</v>
      </c>
      <c r="S49" s="1" t="s">
        <v>378</v>
      </c>
      <c r="T49" s="1" t="s">
        <v>68</v>
      </c>
      <c r="U49" s="1">
        <v>8.8000000000000007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33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5138888888888884</v>
      </c>
      <c r="C50" s="1" t="s">
        <v>855</v>
      </c>
      <c r="D50" s="1" t="s">
        <v>164</v>
      </c>
      <c r="E50" s="1" t="s">
        <v>857</v>
      </c>
      <c r="F50" s="1" t="s">
        <v>429</v>
      </c>
      <c r="G50" s="1" t="s">
        <v>203</v>
      </c>
      <c r="H50" s="1" t="s">
        <v>219</v>
      </c>
      <c r="I50" s="1" t="s">
        <v>430</v>
      </c>
      <c r="J50" s="1" t="s">
        <v>32</v>
      </c>
      <c r="K50" s="1" t="s">
        <v>254</v>
      </c>
      <c r="L50" s="1" t="s">
        <v>431</v>
      </c>
      <c r="N50" s="1" t="s">
        <v>35</v>
      </c>
      <c r="O50" s="1" t="s">
        <v>407</v>
      </c>
      <c r="P50" s="1" t="s">
        <v>300</v>
      </c>
      <c r="Q50" s="1" t="s">
        <v>408</v>
      </c>
      <c r="R50" s="1" t="s">
        <v>173</v>
      </c>
      <c r="S50" s="1" t="s">
        <v>75</v>
      </c>
      <c r="T50" s="1" t="s">
        <v>68</v>
      </c>
      <c r="U50" s="1">
        <v>7.1</v>
      </c>
      <c r="V50" s="1"/>
      <c r="W50" s="1"/>
      <c r="X50" s="1">
        <v>10</v>
      </c>
      <c r="Y50" s="1">
        <v>0.94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 t="s">
        <v>888</v>
      </c>
      <c r="AS50" s="1">
        <v>2.0000000000000001E-4</v>
      </c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36</v>
      </c>
      <c r="BP50" s="1">
        <v>34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06</v>
      </c>
      <c r="B51" s="2">
        <v>0.20138888888888887</v>
      </c>
      <c r="C51" s="1" t="s">
        <v>855</v>
      </c>
      <c r="D51" s="1" t="s">
        <v>164</v>
      </c>
      <c r="E51" s="1" t="s">
        <v>857</v>
      </c>
      <c r="F51" s="1" t="s">
        <v>134</v>
      </c>
      <c r="G51" s="1" t="s">
        <v>432</v>
      </c>
      <c r="H51" s="1" t="s">
        <v>56</v>
      </c>
      <c r="I51" s="1" t="s">
        <v>433</v>
      </c>
      <c r="J51" s="1" t="s">
        <v>119</v>
      </c>
      <c r="K51" s="1" t="s">
        <v>205</v>
      </c>
      <c r="L51" s="1" t="s">
        <v>310</v>
      </c>
      <c r="N51" s="1" t="s">
        <v>311</v>
      </c>
      <c r="O51" s="1" t="s">
        <v>312</v>
      </c>
      <c r="P51" s="1" t="s">
        <v>37</v>
      </c>
      <c r="Q51" s="1" t="s">
        <v>296</v>
      </c>
      <c r="R51" s="1" t="s">
        <v>434</v>
      </c>
      <c r="S51" s="1" t="s">
        <v>435</v>
      </c>
      <c r="T51" s="1" t="s">
        <v>436</v>
      </c>
      <c r="U51" s="1">
        <v>8.3000000000000007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30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18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45</v>
      </c>
      <c r="C1" s="1" t="s">
        <v>1</v>
      </c>
      <c r="D1" s="1" t="s">
        <v>861</v>
      </c>
      <c r="E1" s="1" t="s">
        <v>2</v>
      </c>
      <c r="F1" s="1" t="s">
        <v>846</v>
      </c>
      <c r="G1" s="1" t="s">
        <v>3</v>
      </c>
      <c r="H1" s="1" t="s">
        <v>86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8</v>
      </c>
      <c r="AB2" s="1" t="s">
        <v>919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12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986111111111111</v>
      </c>
      <c r="C4" s="1" t="s">
        <v>855</v>
      </c>
      <c r="D4" s="1" t="s">
        <v>85</v>
      </c>
      <c r="E4" s="1" t="s">
        <v>28</v>
      </c>
      <c r="F4" s="1" t="s">
        <v>432</v>
      </c>
      <c r="G4" s="1" t="s">
        <v>42</v>
      </c>
      <c r="H4" s="1" t="s">
        <v>78</v>
      </c>
      <c r="I4" s="1" t="s">
        <v>437</v>
      </c>
      <c r="J4" s="1" t="s">
        <v>438</v>
      </c>
      <c r="K4" s="1" t="s">
        <v>316</v>
      </c>
      <c r="L4" s="1" t="s">
        <v>34</v>
      </c>
      <c r="N4" s="1" t="s">
        <v>35</v>
      </c>
      <c r="O4" s="1" t="s">
        <v>36</v>
      </c>
      <c r="P4" s="1" t="s">
        <v>439</v>
      </c>
      <c r="Q4" s="1" t="s">
        <v>179</v>
      </c>
      <c r="R4" s="1" t="s">
        <v>141</v>
      </c>
      <c r="S4" s="1" t="s">
        <v>394</v>
      </c>
      <c r="T4" s="1" t="s">
        <v>41</v>
      </c>
      <c r="U4" s="1">
        <v>8.1999999999999993</v>
      </c>
      <c r="V4" s="4">
        <v>13000</v>
      </c>
      <c r="W4" s="1"/>
      <c r="X4" s="1">
        <v>6.8</v>
      </c>
      <c r="Y4" s="1">
        <v>0.73</v>
      </c>
      <c r="Z4" s="1">
        <v>1.7999999999999999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2</v>
      </c>
      <c r="BC4" s="1">
        <v>6.4</v>
      </c>
      <c r="BD4" s="1">
        <v>6.6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0.72</v>
      </c>
      <c r="BO4" s="1">
        <v>34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9166666666666663</v>
      </c>
      <c r="C5" s="1" t="s">
        <v>855</v>
      </c>
      <c r="D5" s="1" t="s">
        <v>85</v>
      </c>
      <c r="E5" s="1" t="s">
        <v>28</v>
      </c>
      <c r="F5" s="1" t="s">
        <v>43</v>
      </c>
      <c r="G5" s="1" t="s">
        <v>269</v>
      </c>
      <c r="H5" s="1" t="s">
        <v>139</v>
      </c>
      <c r="I5" s="1" t="s">
        <v>440</v>
      </c>
      <c r="J5" s="1" t="s">
        <v>438</v>
      </c>
      <c r="K5" s="1" t="s">
        <v>441</v>
      </c>
      <c r="L5" s="1" t="s">
        <v>34</v>
      </c>
      <c r="N5" s="1" t="s">
        <v>35</v>
      </c>
      <c r="O5" s="1" t="s">
        <v>36</v>
      </c>
      <c r="P5" s="1" t="s">
        <v>439</v>
      </c>
      <c r="Q5" s="1" t="s">
        <v>171</v>
      </c>
      <c r="R5" s="1" t="s">
        <v>328</v>
      </c>
      <c r="S5" s="1" t="s">
        <v>287</v>
      </c>
      <c r="T5" s="1" t="s">
        <v>41</v>
      </c>
      <c r="U5" s="1">
        <v>7.6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7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93</v>
      </c>
      <c r="B6" s="2">
        <v>0.2986111111111111</v>
      </c>
      <c r="C6" s="1" t="s">
        <v>855</v>
      </c>
      <c r="D6" s="1" t="s">
        <v>27</v>
      </c>
      <c r="E6" s="1" t="s">
        <v>28</v>
      </c>
      <c r="F6" s="1" t="s">
        <v>442</v>
      </c>
      <c r="G6" s="1" t="s">
        <v>249</v>
      </c>
      <c r="H6" s="1" t="s">
        <v>224</v>
      </c>
      <c r="I6" s="1" t="s">
        <v>443</v>
      </c>
      <c r="J6" s="1" t="s">
        <v>438</v>
      </c>
      <c r="K6" s="1" t="s">
        <v>209</v>
      </c>
      <c r="L6" s="1" t="s">
        <v>34</v>
      </c>
      <c r="N6" s="1" t="s">
        <v>35</v>
      </c>
      <c r="O6" s="1" t="s">
        <v>36</v>
      </c>
      <c r="P6" s="1" t="s">
        <v>439</v>
      </c>
      <c r="Q6" s="1" t="s">
        <v>179</v>
      </c>
      <c r="R6" s="1" t="s">
        <v>59</v>
      </c>
      <c r="S6" s="1" t="s">
        <v>444</v>
      </c>
      <c r="T6" s="1" t="s">
        <v>60</v>
      </c>
      <c r="U6" s="1">
        <v>8</v>
      </c>
      <c r="V6" s="4">
        <v>3300</v>
      </c>
      <c r="W6" s="1"/>
      <c r="X6" s="1">
        <v>6.3</v>
      </c>
      <c r="Y6" s="1">
        <v>0.19</v>
      </c>
      <c r="Z6" s="1">
        <v>1.2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27</v>
      </c>
      <c r="BC6" s="1">
        <v>5.2</v>
      </c>
      <c r="BD6" s="1">
        <v>5.4</v>
      </c>
      <c r="BE6" s="1"/>
      <c r="BF6" s="1"/>
      <c r="BG6" s="1"/>
      <c r="BH6" s="1"/>
      <c r="BI6" s="1"/>
      <c r="BJ6" s="1"/>
      <c r="BK6" s="1"/>
      <c r="BL6" s="1"/>
      <c r="BM6" s="1">
        <v>0.87</v>
      </c>
      <c r="BN6" s="1">
        <v>0.17</v>
      </c>
      <c r="BO6" s="1">
        <v>37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78472222222222221</v>
      </c>
      <c r="C7" s="1" t="s">
        <v>855</v>
      </c>
      <c r="D7" s="1" t="s">
        <v>85</v>
      </c>
      <c r="E7" s="1" t="s">
        <v>28</v>
      </c>
      <c r="F7" s="1" t="s">
        <v>246</v>
      </c>
      <c r="G7" s="1" t="s">
        <v>375</v>
      </c>
      <c r="H7" s="1" t="s">
        <v>309</v>
      </c>
      <c r="I7" s="1" t="s">
        <v>317</v>
      </c>
      <c r="J7" s="1" t="s">
        <v>438</v>
      </c>
      <c r="K7" s="1" t="s">
        <v>205</v>
      </c>
      <c r="L7" s="1" t="s">
        <v>34</v>
      </c>
      <c r="N7" s="1" t="s">
        <v>35</v>
      </c>
      <c r="O7" s="1" t="s">
        <v>36</v>
      </c>
      <c r="P7" s="1" t="s">
        <v>439</v>
      </c>
      <c r="Q7" s="1" t="s">
        <v>179</v>
      </c>
      <c r="R7" s="1" t="s">
        <v>303</v>
      </c>
      <c r="S7" s="1" t="s">
        <v>445</v>
      </c>
      <c r="T7" s="1" t="s">
        <v>60</v>
      </c>
      <c r="U7" s="1">
        <v>6.4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3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9</v>
      </c>
      <c r="B8" s="2">
        <v>0.30208333333333331</v>
      </c>
      <c r="C8" s="1" t="s">
        <v>855</v>
      </c>
      <c r="D8" s="1" t="s">
        <v>85</v>
      </c>
      <c r="E8" s="1" t="s">
        <v>857</v>
      </c>
      <c r="F8" s="1" t="s">
        <v>375</v>
      </c>
      <c r="G8" s="1" t="s">
        <v>77</v>
      </c>
      <c r="H8" s="1" t="s">
        <v>46</v>
      </c>
      <c r="I8" s="1" t="s">
        <v>446</v>
      </c>
      <c r="J8" s="1" t="s">
        <v>438</v>
      </c>
      <c r="K8" s="1" t="s">
        <v>447</v>
      </c>
      <c r="L8" s="1" t="s">
        <v>34</v>
      </c>
      <c r="N8" s="1" t="s">
        <v>35</v>
      </c>
      <c r="O8" s="1" t="s">
        <v>36</v>
      </c>
      <c r="P8" s="1" t="s">
        <v>439</v>
      </c>
      <c r="Q8" s="1" t="s">
        <v>186</v>
      </c>
      <c r="R8" s="1" t="s">
        <v>173</v>
      </c>
      <c r="S8" s="1" t="s">
        <v>338</v>
      </c>
      <c r="T8" s="1" t="s">
        <v>60</v>
      </c>
      <c r="U8" s="1">
        <v>6.3</v>
      </c>
      <c r="V8" s="4">
        <v>7900</v>
      </c>
      <c r="W8" s="1"/>
      <c r="X8" s="1">
        <v>7.3</v>
      </c>
      <c r="Y8" s="1">
        <v>0.4</v>
      </c>
      <c r="Z8" s="1">
        <v>1.7999999999999999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34</v>
      </c>
      <c r="BC8" s="1">
        <v>4.0999999999999996</v>
      </c>
      <c r="BD8" s="1">
        <v>4.4000000000000004</v>
      </c>
      <c r="BE8" s="1"/>
      <c r="BF8" s="1"/>
      <c r="BG8" s="1"/>
      <c r="BH8" s="1"/>
      <c r="BI8" s="1"/>
      <c r="BJ8" s="1"/>
      <c r="BK8" s="1"/>
      <c r="BL8" s="1"/>
      <c r="BM8" s="1">
        <v>2.4</v>
      </c>
      <c r="BN8" s="1">
        <v>0.4</v>
      </c>
      <c r="BO8" s="1">
        <v>3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8472222222222221</v>
      </c>
      <c r="C9" s="1" t="s">
        <v>855</v>
      </c>
      <c r="D9" s="1" t="s">
        <v>85</v>
      </c>
      <c r="E9" s="1" t="s">
        <v>857</v>
      </c>
      <c r="F9" s="1" t="s">
        <v>53</v>
      </c>
      <c r="G9" s="1" t="s">
        <v>351</v>
      </c>
      <c r="H9" s="1" t="s">
        <v>46</v>
      </c>
      <c r="I9" s="1" t="s">
        <v>267</v>
      </c>
      <c r="J9" s="1" t="s">
        <v>438</v>
      </c>
      <c r="K9" s="1" t="s">
        <v>448</v>
      </c>
      <c r="L9" s="1" t="s">
        <v>34</v>
      </c>
      <c r="N9" s="1" t="s">
        <v>35</v>
      </c>
      <c r="O9" s="1" t="s">
        <v>36</v>
      </c>
      <c r="P9" s="1" t="s">
        <v>439</v>
      </c>
      <c r="Q9" s="1" t="s">
        <v>179</v>
      </c>
      <c r="R9" s="1" t="s">
        <v>91</v>
      </c>
      <c r="S9" s="1" t="s">
        <v>50</v>
      </c>
      <c r="T9" s="1" t="s">
        <v>60</v>
      </c>
      <c r="U9" s="1">
        <v>6.6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6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0555555555555552</v>
      </c>
      <c r="C10" s="1" t="s">
        <v>855</v>
      </c>
      <c r="D10" s="1" t="s">
        <v>85</v>
      </c>
      <c r="E10" s="1" t="s">
        <v>28</v>
      </c>
      <c r="F10" s="1" t="s">
        <v>449</v>
      </c>
      <c r="G10" s="1" t="s">
        <v>107</v>
      </c>
      <c r="H10" s="1" t="s">
        <v>46</v>
      </c>
      <c r="I10" s="1" t="s">
        <v>450</v>
      </c>
      <c r="J10" s="1" t="s">
        <v>438</v>
      </c>
      <c r="K10" s="1" t="s">
        <v>451</v>
      </c>
      <c r="L10" s="1" t="s">
        <v>34</v>
      </c>
      <c r="N10" s="1" t="s">
        <v>35</v>
      </c>
      <c r="O10" s="1" t="s">
        <v>36</v>
      </c>
      <c r="P10" s="1" t="s">
        <v>439</v>
      </c>
      <c r="Q10" s="1" t="s">
        <v>186</v>
      </c>
      <c r="R10" s="1" t="s">
        <v>328</v>
      </c>
      <c r="S10" s="1" t="s">
        <v>452</v>
      </c>
      <c r="T10" s="1" t="s">
        <v>60</v>
      </c>
      <c r="U10" s="1">
        <v>6.2</v>
      </c>
      <c r="V10" s="4">
        <v>4900</v>
      </c>
      <c r="W10" s="1" t="s">
        <v>887</v>
      </c>
      <c r="X10" s="1">
        <v>7.7</v>
      </c>
      <c r="Y10" s="1">
        <v>0.15</v>
      </c>
      <c r="Z10" s="1">
        <v>1.7000000000000001E-2</v>
      </c>
      <c r="AA10" s="1"/>
      <c r="AB10" s="1"/>
      <c r="AC10" s="1" t="s">
        <v>881</v>
      </c>
      <c r="AD10" s="1" t="s">
        <v>882</v>
      </c>
      <c r="AE10" s="1" t="s">
        <v>883</v>
      </c>
      <c r="AF10" s="1" t="s">
        <v>884</v>
      </c>
      <c r="AG10" s="1" t="s">
        <v>885</v>
      </c>
      <c r="AH10" s="1" t="s">
        <v>883</v>
      </c>
      <c r="AI10" s="1"/>
      <c r="AJ10" s="1"/>
      <c r="AK10" s="1" t="s">
        <v>886</v>
      </c>
      <c r="AL10" s="1" t="s">
        <v>886</v>
      </c>
      <c r="AM10" s="1" t="s">
        <v>886</v>
      </c>
      <c r="AN10" s="1" t="s">
        <v>886</v>
      </c>
      <c r="AO10" s="1" t="s">
        <v>886</v>
      </c>
      <c r="AP10" t="s">
        <v>886</v>
      </c>
      <c r="AQ10" s="1" t="s">
        <v>886</v>
      </c>
      <c r="AR10" s="1" t="s">
        <v>886</v>
      </c>
      <c r="AS10" s="1" t="s">
        <v>886</v>
      </c>
      <c r="AT10" s="1" t="s">
        <v>888</v>
      </c>
      <c r="AU10" s="1" t="s">
        <v>883</v>
      </c>
      <c r="AV10" s="1" t="s">
        <v>881</v>
      </c>
      <c r="AW10" s="1" t="s">
        <v>881</v>
      </c>
      <c r="AX10" s="1" t="s">
        <v>886</v>
      </c>
      <c r="AY10" s="1" t="s">
        <v>894</v>
      </c>
      <c r="AZ10" s="1" t="s">
        <v>893</v>
      </c>
      <c r="BA10" s="1">
        <v>0.05</v>
      </c>
      <c r="BB10" s="1">
        <v>0.89</v>
      </c>
      <c r="BC10" s="1">
        <v>5.0999999999999996</v>
      </c>
      <c r="BD10" s="1">
        <v>5.9</v>
      </c>
      <c r="BE10" s="1" t="s">
        <v>885</v>
      </c>
      <c r="BF10" s="1" t="s">
        <v>885</v>
      </c>
      <c r="BG10" s="1">
        <v>2.3999999999999998E-3</v>
      </c>
      <c r="BH10" s="1" t="s">
        <v>884</v>
      </c>
      <c r="BI10" s="1" t="s">
        <v>882</v>
      </c>
      <c r="BJ10" s="1"/>
      <c r="BK10" s="1"/>
      <c r="BL10" s="1" t="s">
        <v>889</v>
      </c>
      <c r="BM10" s="1">
        <v>1.3</v>
      </c>
      <c r="BN10" s="1">
        <v>0.12</v>
      </c>
      <c r="BO10" s="1">
        <v>36</v>
      </c>
      <c r="BP10" s="1">
        <v>31</v>
      </c>
      <c r="BQ10" s="1"/>
      <c r="BR10" s="1" t="s">
        <v>901</v>
      </c>
      <c r="BS10" s="1" t="s">
        <v>885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9166666666666663</v>
      </c>
      <c r="C11" s="1" t="s">
        <v>855</v>
      </c>
      <c r="D11" s="1" t="s">
        <v>85</v>
      </c>
      <c r="E11" s="1" t="s">
        <v>28</v>
      </c>
      <c r="F11" s="1" t="s">
        <v>52</v>
      </c>
      <c r="G11" s="1" t="s">
        <v>453</v>
      </c>
      <c r="H11" s="1" t="s">
        <v>46</v>
      </c>
      <c r="I11" s="1" t="s">
        <v>454</v>
      </c>
      <c r="J11" s="1" t="s">
        <v>438</v>
      </c>
      <c r="K11" s="1" t="s">
        <v>455</v>
      </c>
      <c r="L11" s="1" t="s">
        <v>34</v>
      </c>
      <c r="N11" s="1" t="s">
        <v>35</v>
      </c>
      <c r="O11" s="1" t="s">
        <v>36</v>
      </c>
      <c r="P11" s="1" t="s">
        <v>439</v>
      </c>
      <c r="Q11" s="1" t="s">
        <v>411</v>
      </c>
      <c r="R11" s="1" t="s">
        <v>456</v>
      </c>
      <c r="S11" s="1" t="s">
        <v>288</v>
      </c>
      <c r="T11" s="1" t="s">
        <v>41</v>
      </c>
      <c r="U11" s="1">
        <v>8.1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0</v>
      </c>
      <c r="BP11" s="1">
        <v>34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7</v>
      </c>
      <c r="B12" s="2">
        <v>0.30555555555555552</v>
      </c>
      <c r="C12" s="1" t="s">
        <v>855</v>
      </c>
      <c r="D12" s="1" t="s">
        <v>27</v>
      </c>
      <c r="E12" s="1" t="s">
        <v>28</v>
      </c>
      <c r="F12" s="1" t="s">
        <v>457</v>
      </c>
      <c r="G12" s="1" t="s">
        <v>458</v>
      </c>
      <c r="H12" s="1" t="s">
        <v>46</v>
      </c>
      <c r="I12" s="1" t="s">
        <v>346</v>
      </c>
      <c r="J12" s="1" t="s">
        <v>438</v>
      </c>
      <c r="K12" s="1" t="s">
        <v>459</v>
      </c>
      <c r="L12" s="1" t="s">
        <v>34</v>
      </c>
      <c r="N12" s="1" t="s">
        <v>35</v>
      </c>
      <c r="O12" s="1" t="s">
        <v>36</v>
      </c>
      <c r="P12" s="1" t="s">
        <v>439</v>
      </c>
      <c r="Q12" s="1" t="s">
        <v>186</v>
      </c>
      <c r="R12" s="1" t="s">
        <v>76</v>
      </c>
      <c r="S12" s="1" t="s">
        <v>347</v>
      </c>
      <c r="T12" s="1" t="s">
        <v>41</v>
      </c>
      <c r="U12" s="1">
        <v>6.3</v>
      </c>
      <c r="V12" s="4">
        <v>13000</v>
      </c>
      <c r="W12" s="1"/>
      <c r="X12" s="1">
        <v>6.8</v>
      </c>
      <c r="Y12" s="1">
        <v>0.21</v>
      </c>
      <c r="Z12" s="1">
        <v>1.7999999999999999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53</v>
      </c>
      <c r="BC12" s="1">
        <v>4.4000000000000004</v>
      </c>
      <c r="BD12" s="1">
        <v>4.9000000000000004</v>
      </c>
      <c r="BE12" s="1"/>
      <c r="BF12" s="1"/>
      <c r="BG12" s="1"/>
      <c r="BH12" s="1"/>
      <c r="BI12" s="1"/>
      <c r="BJ12" s="1"/>
      <c r="BK12" s="1"/>
      <c r="BL12" s="1"/>
      <c r="BM12" s="1">
        <v>1</v>
      </c>
      <c r="BN12" s="1">
        <v>0.1</v>
      </c>
      <c r="BO12" s="1">
        <v>35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9166666666666663</v>
      </c>
      <c r="C13" s="1" t="s">
        <v>855</v>
      </c>
      <c r="D13" s="1" t="s">
        <v>27</v>
      </c>
      <c r="E13" s="1" t="s">
        <v>28</v>
      </c>
      <c r="F13" s="1" t="s">
        <v>233</v>
      </c>
      <c r="G13" s="1" t="s">
        <v>99</v>
      </c>
      <c r="H13" s="1" t="s">
        <v>46</v>
      </c>
      <c r="I13" s="1" t="s">
        <v>393</v>
      </c>
      <c r="J13" s="1" t="s">
        <v>438</v>
      </c>
      <c r="K13" s="1" t="s">
        <v>460</v>
      </c>
      <c r="L13" s="1" t="s">
        <v>34</v>
      </c>
      <c r="N13" s="1" t="s">
        <v>35</v>
      </c>
      <c r="O13" s="1" t="s">
        <v>36</v>
      </c>
      <c r="P13" s="1" t="s">
        <v>439</v>
      </c>
      <c r="Q13" s="1" t="s">
        <v>210</v>
      </c>
      <c r="R13" s="1" t="s">
        <v>303</v>
      </c>
      <c r="S13" s="1" t="s">
        <v>147</v>
      </c>
      <c r="T13" s="1" t="s">
        <v>41</v>
      </c>
      <c r="U13" s="1">
        <v>7.7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5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52</v>
      </c>
      <c r="B14" s="2">
        <v>0.30208333333333331</v>
      </c>
      <c r="C14" s="1" t="s">
        <v>855</v>
      </c>
      <c r="D14" s="1" t="s">
        <v>85</v>
      </c>
      <c r="E14" s="1" t="s">
        <v>857</v>
      </c>
      <c r="F14" s="1" t="s">
        <v>261</v>
      </c>
      <c r="G14" s="1" t="s">
        <v>77</v>
      </c>
      <c r="H14" s="1" t="s">
        <v>46</v>
      </c>
      <c r="I14" s="1" t="s">
        <v>461</v>
      </c>
      <c r="J14" s="1" t="s">
        <v>438</v>
      </c>
      <c r="K14" s="1" t="s">
        <v>462</v>
      </c>
      <c r="L14" s="1" t="s">
        <v>34</v>
      </c>
      <c r="N14" s="1" t="s">
        <v>35</v>
      </c>
      <c r="O14" s="1" t="s">
        <v>36</v>
      </c>
      <c r="P14" s="1" t="s">
        <v>439</v>
      </c>
      <c r="Q14" s="1" t="s">
        <v>179</v>
      </c>
      <c r="R14" s="1" t="s">
        <v>173</v>
      </c>
      <c r="S14" s="1" t="s">
        <v>287</v>
      </c>
      <c r="T14" s="1" t="s">
        <v>116</v>
      </c>
      <c r="U14" s="1">
        <v>7.7</v>
      </c>
      <c r="V14" s="4">
        <v>7900</v>
      </c>
      <c r="W14" s="1"/>
      <c r="X14" s="1">
        <v>8.1999999999999993</v>
      </c>
      <c r="Y14" s="1">
        <v>1</v>
      </c>
      <c r="Z14" s="1">
        <v>2.1000000000000001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79</v>
      </c>
      <c r="BC14" s="1">
        <v>4.7</v>
      </c>
      <c r="BD14" s="1">
        <v>5.4</v>
      </c>
      <c r="BE14" s="1"/>
      <c r="BF14" s="1"/>
      <c r="BG14" s="1"/>
      <c r="BH14" s="1"/>
      <c r="BI14" s="1"/>
      <c r="BJ14" s="1"/>
      <c r="BK14" s="1"/>
      <c r="BL14" s="1"/>
      <c r="BM14" s="1">
        <v>1.3</v>
      </c>
      <c r="BN14" s="1">
        <v>1</v>
      </c>
      <c r="BO14" s="1">
        <v>33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9166666666666663</v>
      </c>
      <c r="C15" s="1" t="s">
        <v>855</v>
      </c>
      <c r="D15" s="1" t="s">
        <v>85</v>
      </c>
      <c r="E15" s="1" t="s">
        <v>857</v>
      </c>
      <c r="F15" s="1" t="s">
        <v>70</v>
      </c>
      <c r="G15" s="1" t="s">
        <v>336</v>
      </c>
      <c r="H15" s="1" t="s">
        <v>64</v>
      </c>
      <c r="I15" s="1" t="s">
        <v>463</v>
      </c>
      <c r="J15" s="1" t="s">
        <v>438</v>
      </c>
      <c r="K15" s="1" t="s">
        <v>464</v>
      </c>
      <c r="L15" s="1" t="s">
        <v>34</v>
      </c>
      <c r="N15" s="1" t="s">
        <v>35</v>
      </c>
      <c r="O15" s="1" t="s">
        <v>36</v>
      </c>
      <c r="P15" s="1" t="s">
        <v>439</v>
      </c>
      <c r="Q15" s="1" t="s">
        <v>179</v>
      </c>
      <c r="R15" s="1" t="s">
        <v>173</v>
      </c>
      <c r="S15" s="1" t="s">
        <v>465</v>
      </c>
      <c r="T15" s="1" t="s">
        <v>60</v>
      </c>
      <c r="U15" s="1">
        <v>8.9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6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466</v>
      </c>
      <c r="B16" s="2">
        <v>0.3125</v>
      </c>
      <c r="C16" s="1" t="s">
        <v>855</v>
      </c>
      <c r="D16" s="1" t="s">
        <v>27</v>
      </c>
      <c r="E16" s="1" t="s">
        <v>28</v>
      </c>
      <c r="F16" s="1" t="s">
        <v>106</v>
      </c>
      <c r="G16" s="1" t="s">
        <v>202</v>
      </c>
      <c r="H16" s="1" t="s">
        <v>33</v>
      </c>
      <c r="I16" s="1" t="s">
        <v>467</v>
      </c>
      <c r="J16" s="1" t="s">
        <v>438</v>
      </c>
      <c r="K16" s="1" t="s">
        <v>468</v>
      </c>
      <c r="L16" s="1" t="s">
        <v>34</v>
      </c>
      <c r="N16" s="1" t="s">
        <v>35</v>
      </c>
      <c r="O16" s="1" t="s">
        <v>36</v>
      </c>
      <c r="P16" s="1" t="s">
        <v>439</v>
      </c>
      <c r="Q16" s="1" t="s">
        <v>171</v>
      </c>
      <c r="R16" s="1" t="s">
        <v>172</v>
      </c>
      <c r="S16" s="1" t="s">
        <v>444</v>
      </c>
      <c r="T16" s="1" t="s">
        <v>116</v>
      </c>
      <c r="U16" s="1">
        <v>8.1999999999999993</v>
      </c>
      <c r="V16" s="4">
        <v>13000</v>
      </c>
      <c r="W16" s="1"/>
      <c r="X16" s="1">
        <v>6.1</v>
      </c>
      <c r="Y16" s="1">
        <v>0.17</v>
      </c>
      <c r="Z16" s="1">
        <v>1.4E-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52</v>
      </c>
      <c r="BC16" s="1">
        <v>5.2</v>
      </c>
      <c r="BD16" s="1">
        <v>5.7</v>
      </c>
      <c r="BE16" s="1"/>
      <c r="BF16" s="1"/>
      <c r="BG16" s="1"/>
      <c r="BH16" s="1"/>
      <c r="BI16" s="1"/>
      <c r="BJ16" s="1"/>
      <c r="BK16" s="1"/>
      <c r="BL16" s="1"/>
      <c r="BM16" s="1">
        <v>0.19</v>
      </c>
      <c r="BN16" s="1">
        <v>0.15</v>
      </c>
      <c r="BO16" s="1">
        <v>32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9166666666666663</v>
      </c>
      <c r="C17" s="1" t="s">
        <v>855</v>
      </c>
      <c r="D17" s="1" t="s">
        <v>27</v>
      </c>
      <c r="E17" s="1" t="s">
        <v>28</v>
      </c>
      <c r="F17" s="1" t="s">
        <v>107</v>
      </c>
      <c r="G17" s="1" t="s">
        <v>469</v>
      </c>
      <c r="H17" s="1" t="s">
        <v>33</v>
      </c>
      <c r="I17" s="1" t="s">
        <v>470</v>
      </c>
      <c r="J17" s="1" t="s">
        <v>438</v>
      </c>
      <c r="K17" s="1" t="s">
        <v>178</v>
      </c>
      <c r="L17" s="1" t="s">
        <v>34</v>
      </c>
      <c r="N17" s="1" t="s">
        <v>35</v>
      </c>
      <c r="O17" s="1" t="s">
        <v>36</v>
      </c>
      <c r="P17" s="1" t="s">
        <v>439</v>
      </c>
      <c r="Q17" s="1" t="s">
        <v>179</v>
      </c>
      <c r="R17" s="1" t="s">
        <v>172</v>
      </c>
      <c r="S17" s="1" t="s">
        <v>444</v>
      </c>
      <c r="T17" s="1" t="s">
        <v>60</v>
      </c>
      <c r="U17" s="1">
        <v>7.3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5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72</v>
      </c>
      <c r="B18" s="2">
        <v>0.3125</v>
      </c>
      <c r="C18" s="1" t="s">
        <v>855</v>
      </c>
      <c r="D18" s="1" t="s">
        <v>27</v>
      </c>
      <c r="E18" s="1" t="s">
        <v>857</v>
      </c>
      <c r="F18" s="1" t="s">
        <v>30</v>
      </c>
      <c r="G18" s="1" t="s">
        <v>471</v>
      </c>
      <c r="H18" s="1" t="s">
        <v>65</v>
      </c>
      <c r="I18" s="1" t="s">
        <v>472</v>
      </c>
      <c r="J18" s="1" t="s">
        <v>438</v>
      </c>
      <c r="K18" s="1" t="s">
        <v>190</v>
      </c>
      <c r="L18" s="1" t="s">
        <v>34</v>
      </c>
      <c r="N18" s="1" t="s">
        <v>35</v>
      </c>
      <c r="O18" s="1" t="s">
        <v>36</v>
      </c>
      <c r="P18" s="1" t="s">
        <v>439</v>
      </c>
      <c r="Q18" s="1" t="s">
        <v>171</v>
      </c>
      <c r="R18" s="1" t="s">
        <v>90</v>
      </c>
      <c r="S18" s="1" t="s">
        <v>376</v>
      </c>
      <c r="T18" s="1" t="s">
        <v>41</v>
      </c>
      <c r="U18" s="1">
        <v>8.5</v>
      </c>
      <c r="V18" s="4">
        <v>3300</v>
      </c>
      <c r="W18" s="1"/>
      <c r="X18" s="1">
        <v>7.2</v>
      </c>
      <c r="Y18" s="1">
        <v>0.55000000000000004</v>
      </c>
      <c r="Z18" s="1">
        <v>2.4E-2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6</v>
      </c>
      <c r="BC18" s="1">
        <v>5.8</v>
      </c>
      <c r="BD18" s="1">
        <v>6.4</v>
      </c>
      <c r="BE18" s="1"/>
      <c r="BF18" s="1"/>
      <c r="BG18" s="1"/>
      <c r="BH18" s="1"/>
      <c r="BI18" s="1"/>
      <c r="BJ18" s="1"/>
      <c r="BK18" s="1"/>
      <c r="BL18" s="1"/>
      <c r="BM18" s="1">
        <v>0.13</v>
      </c>
      <c r="BN18" s="1">
        <v>0.47</v>
      </c>
      <c r="BO18" s="1">
        <v>34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9166666666666663</v>
      </c>
      <c r="C19" s="1" t="s">
        <v>855</v>
      </c>
      <c r="D19" s="1" t="s">
        <v>85</v>
      </c>
      <c r="E19" s="1" t="s">
        <v>857</v>
      </c>
      <c r="F19" s="1" t="s">
        <v>175</v>
      </c>
      <c r="G19" s="1" t="s">
        <v>183</v>
      </c>
      <c r="H19" s="1" t="s">
        <v>65</v>
      </c>
      <c r="I19" s="1" t="s">
        <v>473</v>
      </c>
      <c r="J19" s="1" t="s">
        <v>438</v>
      </c>
      <c r="K19" s="1" t="s">
        <v>352</v>
      </c>
      <c r="L19" s="1" t="s">
        <v>34</v>
      </c>
      <c r="N19" s="1" t="s">
        <v>35</v>
      </c>
      <c r="O19" s="1" t="s">
        <v>36</v>
      </c>
      <c r="P19" s="1" t="s">
        <v>439</v>
      </c>
      <c r="Q19" s="1" t="s">
        <v>171</v>
      </c>
      <c r="R19" s="1" t="s">
        <v>104</v>
      </c>
      <c r="S19" s="1" t="s">
        <v>279</v>
      </c>
      <c r="T19" s="1" t="s">
        <v>41</v>
      </c>
      <c r="U19" s="1">
        <v>7.7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37</v>
      </c>
      <c r="B20" s="2">
        <v>0.30555555555555552</v>
      </c>
      <c r="C20" s="1" t="s">
        <v>855</v>
      </c>
      <c r="D20" s="1" t="s">
        <v>85</v>
      </c>
      <c r="E20" s="1" t="s">
        <v>474</v>
      </c>
      <c r="F20" s="1" t="s">
        <v>131</v>
      </c>
      <c r="G20" s="1" t="s">
        <v>475</v>
      </c>
      <c r="H20" s="1" t="s">
        <v>73</v>
      </c>
      <c r="I20" s="1" t="s">
        <v>476</v>
      </c>
      <c r="J20" s="1" t="s">
        <v>438</v>
      </c>
      <c r="K20" s="1" t="s">
        <v>209</v>
      </c>
      <c r="L20" s="1" t="s">
        <v>477</v>
      </c>
      <c r="N20" s="1" t="s">
        <v>35</v>
      </c>
      <c r="O20" s="1" t="s">
        <v>478</v>
      </c>
      <c r="P20" s="1" t="s">
        <v>439</v>
      </c>
      <c r="Q20" s="1" t="s">
        <v>179</v>
      </c>
      <c r="R20" s="1" t="s">
        <v>49</v>
      </c>
      <c r="S20" s="1" t="s">
        <v>288</v>
      </c>
      <c r="T20" s="1" t="s">
        <v>136</v>
      </c>
      <c r="U20" s="1">
        <v>7.8</v>
      </c>
      <c r="V20" s="4">
        <v>49000</v>
      </c>
      <c r="W20" s="1"/>
      <c r="X20" s="1">
        <v>8.1999999999999993</v>
      </c>
      <c r="Y20" s="1">
        <v>1.1000000000000001</v>
      </c>
      <c r="Z20" s="1">
        <v>0.02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44</v>
      </c>
      <c r="BC20" s="1">
        <v>7.1</v>
      </c>
      <c r="BD20" s="1">
        <v>7.5</v>
      </c>
      <c r="BE20" s="1"/>
      <c r="BF20" s="1"/>
      <c r="BG20" s="1"/>
      <c r="BH20" s="1"/>
      <c r="BI20" s="1"/>
      <c r="BJ20" s="1"/>
      <c r="BK20" s="1"/>
      <c r="BL20" s="1"/>
      <c r="BM20" s="1" t="s">
        <v>900</v>
      </c>
      <c r="BN20" s="1">
        <v>1</v>
      </c>
      <c r="BO20" s="1">
        <v>36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9166666666666663</v>
      </c>
      <c r="C21" s="1" t="s">
        <v>855</v>
      </c>
      <c r="D21" s="1" t="s">
        <v>85</v>
      </c>
      <c r="E21" s="1" t="s">
        <v>474</v>
      </c>
      <c r="F21" s="1" t="s">
        <v>176</v>
      </c>
      <c r="G21" s="1" t="s">
        <v>118</v>
      </c>
      <c r="H21" s="1" t="s">
        <v>73</v>
      </c>
      <c r="I21" s="1" t="s">
        <v>479</v>
      </c>
      <c r="J21" s="1" t="s">
        <v>438</v>
      </c>
      <c r="K21" s="1" t="s">
        <v>185</v>
      </c>
      <c r="L21" s="1" t="s">
        <v>34</v>
      </c>
      <c r="N21" s="1" t="s">
        <v>35</v>
      </c>
      <c r="O21" s="1" t="s">
        <v>36</v>
      </c>
      <c r="P21" s="1" t="s">
        <v>439</v>
      </c>
      <c r="Q21" s="1" t="s">
        <v>179</v>
      </c>
      <c r="R21" s="1" t="s">
        <v>121</v>
      </c>
      <c r="S21" s="1" t="s">
        <v>347</v>
      </c>
      <c r="T21" s="1" t="s">
        <v>129</v>
      </c>
      <c r="U21" s="1">
        <v>8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41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44</v>
      </c>
      <c r="B22" s="2">
        <v>0.30555555555555552</v>
      </c>
      <c r="C22" s="1" t="s">
        <v>855</v>
      </c>
      <c r="D22" s="1" t="s">
        <v>27</v>
      </c>
      <c r="E22" s="1" t="s">
        <v>28</v>
      </c>
      <c r="F22" s="1" t="s">
        <v>216</v>
      </c>
      <c r="G22" s="1" t="s">
        <v>480</v>
      </c>
      <c r="H22" s="1" t="s">
        <v>78</v>
      </c>
      <c r="I22" s="1" t="s">
        <v>419</v>
      </c>
      <c r="J22" s="1" t="s">
        <v>438</v>
      </c>
      <c r="K22" s="1" t="s">
        <v>237</v>
      </c>
      <c r="L22" s="1" t="s">
        <v>34</v>
      </c>
      <c r="N22" s="1" t="s">
        <v>35</v>
      </c>
      <c r="O22" s="1" t="s">
        <v>36</v>
      </c>
      <c r="P22" s="1" t="s">
        <v>439</v>
      </c>
      <c r="Q22" s="1" t="s">
        <v>179</v>
      </c>
      <c r="R22" s="1" t="s">
        <v>173</v>
      </c>
      <c r="S22" s="1" t="s">
        <v>145</v>
      </c>
      <c r="T22" s="1" t="s">
        <v>68</v>
      </c>
      <c r="U22" s="1">
        <v>9</v>
      </c>
      <c r="V22" s="4">
        <v>790</v>
      </c>
      <c r="W22" s="1" t="s">
        <v>887</v>
      </c>
      <c r="X22" s="1">
        <v>9.9</v>
      </c>
      <c r="Y22" s="1">
        <v>1.5</v>
      </c>
      <c r="Z22" s="1">
        <v>2.5000000000000001E-2</v>
      </c>
      <c r="AA22" s="1"/>
      <c r="AB22" s="1"/>
      <c r="AC22" s="1" t="s">
        <v>881</v>
      </c>
      <c r="AD22" s="1" t="s">
        <v>882</v>
      </c>
      <c r="AE22" s="1" t="s">
        <v>883</v>
      </c>
      <c r="AF22" s="1" t="s">
        <v>884</v>
      </c>
      <c r="AG22" s="1" t="s">
        <v>885</v>
      </c>
      <c r="AH22" s="1" t="s">
        <v>883</v>
      </c>
      <c r="AI22" s="1"/>
      <c r="AJ22" s="1"/>
      <c r="AK22" s="1" t="s">
        <v>886</v>
      </c>
      <c r="AL22" s="1" t="s">
        <v>886</v>
      </c>
      <c r="AM22" s="1" t="s">
        <v>886</v>
      </c>
      <c r="AN22" s="1" t="s">
        <v>886</v>
      </c>
      <c r="AO22" s="1" t="s">
        <v>886</v>
      </c>
      <c r="AP22" t="s">
        <v>886</v>
      </c>
      <c r="AQ22" s="1" t="s">
        <v>886</v>
      </c>
      <c r="AR22" s="1" t="s">
        <v>886</v>
      </c>
      <c r="AS22" s="1">
        <v>1E-4</v>
      </c>
      <c r="AT22" s="1" t="s">
        <v>888</v>
      </c>
      <c r="AU22" s="1" t="s">
        <v>883</v>
      </c>
      <c r="AV22" s="1" t="s">
        <v>881</v>
      </c>
      <c r="AW22" s="1" t="s">
        <v>881</v>
      </c>
      <c r="AX22" s="1" t="s">
        <v>886</v>
      </c>
      <c r="AY22" s="1" t="s">
        <v>894</v>
      </c>
      <c r="AZ22" s="1" t="s">
        <v>893</v>
      </c>
      <c r="BA22" s="1">
        <v>0.05</v>
      </c>
      <c r="BB22" s="1">
        <v>0.09</v>
      </c>
      <c r="BC22" s="1">
        <v>9.1999999999999993</v>
      </c>
      <c r="BD22" s="1">
        <v>9.1999999999999993</v>
      </c>
      <c r="BE22" s="1" t="s">
        <v>885</v>
      </c>
      <c r="BF22" s="1" t="s">
        <v>885</v>
      </c>
      <c r="BG22" s="1">
        <v>4.1000000000000003E-3</v>
      </c>
      <c r="BH22" s="1">
        <v>0.02</v>
      </c>
      <c r="BI22" s="1" t="s">
        <v>882</v>
      </c>
      <c r="BJ22" s="1"/>
      <c r="BK22" s="1"/>
      <c r="BL22" s="1">
        <v>1E-3</v>
      </c>
      <c r="BM22" s="1">
        <v>0.05</v>
      </c>
      <c r="BN22" s="1">
        <v>1.3</v>
      </c>
      <c r="BO22" s="1">
        <v>41</v>
      </c>
      <c r="BP22" s="1">
        <v>33</v>
      </c>
      <c r="BQ22" s="1"/>
      <c r="BR22" s="1" t="s">
        <v>901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9166666666666663</v>
      </c>
      <c r="C23" s="1" t="s">
        <v>855</v>
      </c>
      <c r="D23" s="1" t="s">
        <v>27</v>
      </c>
      <c r="E23" s="1" t="s">
        <v>28</v>
      </c>
      <c r="F23" s="1" t="s">
        <v>216</v>
      </c>
      <c r="G23" s="1" t="s">
        <v>481</v>
      </c>
      <c r="H23" s="1" t="s">
        <v>73</v>
      </c>
      <c r="I23" s="1" t="s">
        <v>482</v>
      </c>
      <c r="J23" s="1" t="s">
        <v>438</v>
      </c>
      <c r="K23" s="1" t="s">
        <v>209</v>
      </c>
      <c r="L23" s="1" t="s">
        <v>34</v>
      </c>
      <c r="N23" s="1" t="s">
        <v>35</v>
      </c>
      <c r="O23" s="1" t="s">
        <v>36</v>
      </c>
      <c r="P23" s="1" t="s">
        <v>439</v>
      </c>
      <c r="Q23" s="1" t="s">
        <v>179</v>
      </c>
      <c r="R23" s="1" t="s">
        <v>196</v>
      </c>
      <c r="S23" s="1" t="s">
        <v>378</v>
      </c>
      <c r="T23" s="1" t="s">
        <v>60</v>
      </c>
      <c r="U23" s="1">
        <v>8.8000000000000007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5</v>
      </c>
      <c r="BP23" s="1">
        <v>38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95</v>
      </c>
      <c r="B24" s="2">
        <v>0.30555555555555552</v>
      </c>
      <c r="C24" s="1" t="s">
        <v>855</v>
      </c>
      <c r="D24" s="1" t="s">
        <v>85</v>
      </c>
      <c r="E24" s="1" t="s">
        <v>857</v>
      </c>
      <c r="F24" s="1" t="s">
        <v>216</v>
      </c>
      <c r="G24" s="1" t="s">
        <v>480</v>
      </c>
      <c r="H24" s="1" t="s">
        <v>228</v>
      </c>
      <c r="I24" s="1" t="s">
        <v>483</v>
      </c>
      <c r="J24" s="1" t="s">
        <v>438</v>
      </c>
      <c r="K24" s="1" t="s">
        <v>355</v>
      </c>
      <c r="L24" s="1" t="s">
        <v>484</v>
      </c>
      <c r="N24" s="1" t="s">
        <v>35</v>
      </c>
      <c r="O24" s="1" t="s">
        <v>36</v>
      </c>
      <c r="P24" s="1" t="s">
        <v>439</v>
      </c>
      <c r="Q24" s="1" t="s">
        <v>145</v>
      </c>
      <c r="R24" s="1" t="s">
        <v>192</v>
      </c>
      <c r="S24" s="1" t="s">
        <v>191</v>
      </c>
      <c r="T24" s="1" t="s">
        <v>68</v>
      </c>
      <c r="U24" s="1">
        <v>8.4</v>
      </c>
      <c r="V24" s="4">
        <v>7900</v>
      </c>
      <c r="W24" s="1"/>
      <c r="X24" s="1">
        <v>11</v>
      </c>
      <c r="Y24" s="1">
        <v>0.62</v>
      </c>
      <c r="Z24" s="1">
        <v>3.2000000000000001E-2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12</v>
      </c>
      <c r="BC24" s="1">
        <v>9.9</v>
      </c>
      <c r="BD24" s="1">
        <v>10</v>
      </c>
      <c r="BE24" s="1"/>
      <c r="BF24" s="1"/>
      <c r="BG24" s="1"/>
      <c r="BH24" s="1"/>
      <c r="BI24" s="1"/>
      <c r="BJ24" s="1"/>
      <c r="BK24" s="1"/>
      <c r="BL24" s="1"/>
      <c r="BM24" s="1">
        <v>0.08</v>
      </c>
      <c r="BN24" s="1">
        <v>0.52</v>
      </c>
      <c r="BO24" s="1">
        <v>37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9166666666666663</v>
      </c>
      <c r="C25" s="1" t="s">
        <v>855</v>
      </c>
      <c r="D25" s="1" t="s">
        <v>85</v>
      </c>
      <c r="E25" s="1" t="s">
        <v>857</v>
      </c>
      <c r="F25" s="1" t="s">
        <v>288</v>
      </c>
      <c r="G25" s="1" t="s">
        <v>166</v>
      </c>
      <c r="H25" s="1" t="s">
        <v>126</v>
      </c>
      <c r="I25" s="1" t="s">
        <v>485</v>
      </c>
      <c r="J25" s="1" t="s">
        <v>438</v>
      </c>
      <c r="K25" s="1" t="s">
        <v>237</v>
      </c>
      <c r="L25" s="1" t="s">
        <v>34</v>
      </c>
      <c r="N25" s="1" t="s">
        <v>35</v>
      </c>
      <c r="O25" s="1" t="s">
        <v>36</v>
      </c>
      <c r="P25" s="1" t="s">
        <v>439</v>
      </c>
      <c r="Q25" s="1" t="s">
        <v>145</v>
      </c>
      <c r="R25" s="1" t="s">
        <v>90</v>
      </c>
      <c r="S25" s="1" t="s">
        <v>394</v>
      </c>
      <c r="T25" s="1" t="s">
        <v>286</v>
      </c>
      <c r="U25" s="1">
        <v>8.6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44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8</v>
      </c>
      <c r="B26" s="2">
        <v>0.3125</v>
      </c>
      <c r="C26" s="1" t="s">
        <v>855</v>
      </c>
      <c r="D26" s="1" t="s">
        <v>85</v>
      </c>
      <c r="E26" s="1" t="s">
        <v>857</v>
      </c>
      <c r="F26" s="1" t="s">
        <v>134</v>
      </c>
      <c r="G26" s="1" t="s">
        <v>270</v>
      </c>
      <c r="H26" s="1" t="s">
        <v>139</v>
      </c>
      <c r="I26" s="1" t="s">
        <v>486</v>
      </c>
      <c r="J26" s="1" t="s">
        <v>438</v>
      </c>
      <c r="K26" s="1" t="s">
        <v>219</v>
      </c>
      <c r="L26" s="1" t="s">
        <v>34</v>
      </c>
      <c r="N26" s="1" t="s">
        <v>35</v>
      </c>
      <c r="O26" s="1" t="s">
        <v>36</v>
      </c>
      <c r="P26" s="1" t="s">
        <v>439</v>
      </c>
      <c r="Q26" s="1" t="s">
        <v>171</v>
      </c>
      <c r="R26" s="1" t="s">
        <v>115</v>
      </c>
      <c r="S26" s="1" t="s">
        <v>313</v>
      </c>
      <c r="T26" s="1" t="s">
        <v>41</v>
      </c>
      <c r="U26" s="1">
        <v>9.4</v>
      </c>
      <c r="V26" s="4">
        <v>3300</v>
      </c>
      <c r="W26" s="1"/>
      <c r="X26" s="1">
        <v>7.9</v>
      </c>
      <c r="Y26" s="1">
        <v>0.74</v>
      </c>
      <c r="Z26" s="1">
        <v>0.0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17</v>
      </c>
      <c r="BC26" s="1">
        <v>6.7</v>
      </c>
      <c r="BD26" s="1">
        <v>6.8</v>
      </c>
      <c r="BE26" s="1"/>
      <c r="BF26" s="1"/>
      <c r="BG26" s="1"/>
      <c r="BH26" s="1"/>
      <c r="BI26" s="1"/>
      <c r="BJ26" s="1"/>
      <c r="BK26" s="1"/>
      <c r="BL26" s="1"/>
      <c r="BM26" s="1">
        <v>0.16</v>
      </c>
      <c r="BN26" s="1">
        <v>0.68</v>
      </c>
      <c r="BO26" s="1">
        <v>3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9166666666666663</v>
      </c>
      <c r="C27" s="1" t="s">
        <v>855</v>
      </c>
      <c r="D27" s="1" t="s">
        <v>85</v>
      </c>
      <c r="E27" s="1" t="s">
        <v>857</v>
      </c>
      <c r="F27" s="1" t="s">
        <v>142</v>
      </c>
      <c r="G27" s="1" t="s">
        <v>432</v>
      </c>
      <c r="H27" s="1" t="s">
        <v>94</v>
      </c>
      <c r="I27" s="1" t="s">
        <v>487</v>
      </c>
      <c r="J27" s="1" t="s">
        <v>438</v>
      </c>
      <c r="K27" s="1" t="s">
        <v>200</v>
      </c>
      <c r="L27" s="1" t="s">
        <v>34</v>
      </c>
      <c r="N27" s="1" t="s">
        <v>35</v>
      </c>
      <c r="O27" s="1" t="s">
        <v>36</v>
      </c>
      <c r="P27" s="1" t="s">
        <v>439</v>
      </c>
      <c r="Q27" s="1" t="s">
        <v>179</v>
      </c>
      <c r="R27" s="1" t="s">
        <v>90</v>
      </c>
      <c r="S27" s="1" t="s">
        <v>465</v>
      </c>
      <c r="T27" s="1" t="s">
        <v>41</v>
      </c>
      <c r="U27" s="1">
        <v>9.1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7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32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45</v>
      </c>
      <c r="C1" s="1" t="s">
        <v>1</v>
      </c>
      <c r="D1" s="1" t="s">
        <v>863</v>
      </c>
      <c r="E1" s="1" t="s">
        <v>2</v>
      </c>
      <c r="F1" s="1" t="s">
        <v>846</v>
      </c>
      <c r="G1" s="1" t="s">
        <v>3</v>
      </c>
      <c r="H1" s="1" t="s">
        <v>86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7</v>
      </c>
      <c r="AB2" s="1" t="s">
        <v>919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7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5833333333333331</v>
      </c>
      <c r="C4" s="1" t="s">
        <v>855</v>
      </c>
      <c r="D4" s="1" t="s">
        <v>27</v>
      </c>
      <c r="E4" s="1" t="s">
        <v>28</v>
      </c>
      <c r="F4" s="1" t="s">
        <v>42</v>
      </c>
      <c r="G4" s="1" t="s">
        <v>167</v>
      </c>
      <c r="H4" s="1" t="s">
        <v>237</v>
      </c>
      <c r="I4" s="1" t="s">
        <v>488</v>
      </c>
      <c r="J4" s="1" t="s">
        <v>207</v>
      </c>
      <c r="K4" s="1" t="s">
        <v>169</v>
      </c>
      <c r="L4" s="1" t="s">
        <v>34</v>
      </c>
      <c r="N4" s="1" t="s">
        <v>35</v>
      </c>
      <c r="O4" s="1" t="s">
        <v>278</v>
      </c>
      <c r="P4" s="1" t="s">
        <v>37</v>
      </c>
      <c r="Q4" s="1" t="s">
        <v>145</v>
      </c>
      <c r="R4" s="1" t="s">
        <v>81</v>
      </c>
      <c r="S4" s="1" t="s">
        <v>361</v>
      </c>
      <c r="T4" s="1" t="s">
        <v>286</v>
      </c>
      <c r="U4" s="1">
        <v>7</v>
      </c>
      <c r="V4" s="4">
        <v>13000</v>
      </c>
      <c r="W4" s="1"/>
      <c r="X4" s="1">
        <v>8.6999999999999993</v>
      </c>
      <c r="Y4" s="1">
        <v>0.55000000000000004</v>
      </c>
      <c r="Z4" s="1">
        <v>2.8000000000000001E-2</v>
      </c>
      <c r="AA4" s="1" t="s">
        <v>926</v>
      </c>
      <c r="AB4" s="1" t="s">
        <v>935</v>
      </c>
      <c r="AC4" s="1" t="s">
        <v>881</v>
      </c>
      <c r="AD4" s="1" t="s">
        <v>882</v>
      </c>
      <c r="AE4" s="1" t="s">
        <v>883</v>
      </c>
      <c r="AF4" s="1" t="s">
        <v>884</v>
      </c>
      <c r="AG4" s="1" t="s">
        <v>883</v>
      </c>
      <c r="AH4" s="1" t="s">
        <v>883</v>
      </c>
      <c r="AI4" s="1"/>
      <c r="AJ4" s="1"/>
      <c r="AK4" s="1"/>
      <c r="AL4" s="1" t="s">
        <v>888</v>
      </c>
      <c r="AM4" s="1"/>
      <c r="AN4" s="1"/>
      <c r="AO4" s="1"/>
      <c r="AP4" t="s">
        <v>888</v>
      </c>
      <c r="AQ4" s="1"/>
      <c r="AR4" s="1" t="s">
        <v>888</v>
      </c>
      <c r="AS4" s="1" t="s">
        <v>888</v>
      </c>
      <c r="AT4" s="1"/>
      <c r="AU4" s="1"/>
      <c r="AV4" s="1"/>
      <c r="AW4" s="1"/>
      <c r="AX4" s="1"/>
      <c r="AY4" s="1"/>
      <c r="AZ4" s="1" t="s">
        <v>893</v>
      </c>
      <c r="BA4" s="1">
        <v>4.2999999999999997E-2</v>
      </c>
      <c r="BB4" s="1">
        <v>0.59</v>
      </c>
      <c r="BC4" s="1">
        <v>4.8</v>
      </c>
      <c r="BD4" s="1">
        <v>5.3</v>
      </c>
      <c r="BE4" s="1"/>
      <c r="BF4" s="1" t="s">
        <v>885</v>
      </c>
      <c r="BG4" s="1">
        <v>4.1000000000000003E-3</v>
      </c>
      <c r="BH4" s="1" t="s">
        <v>884</v>
      </c>
      <c r="BI4" s="1" t="s">
        <v>882</v>
      </c>
      <c r="BJ4" s="1"/>
      <c r="BK4" s="1"/>
      <c r="BL4" s="1"/>
      <c r="BM4" s="1">
        <v>1.5</v>
      </c>
      <c r="BN4" s="1">
        <v>0.48</v>
      </c>
      <c r="BO4" s="1">
        <v>33</v>
      </c>
      <c r="BP4" s="1">
        <v>30</v>
      </c>
      <c r="BQ4" s="1"/>
      <c r="BR4" s="1" t="s">
        <v>90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0138888888888884</v>
      </c>
      <c r="C5" s="1" t="s">
        <v>855</v>
      </c>
      <c r="D5" s="1" t="s">
        <v>85</v>
      </c>
      <c r="E5" s="1" t="s">
        <v>28</v>
      </c>
      <c r="F5" s="1" t="s">
        <v>29</v>
      </c>
      <c r="G5" s="1" t="s">
        <v>203</v>
      </c>
      <c r="H5" s="1" t="s">
        <v>205</v>
      </c>
      <c r="I5" s="1" t="s">
        <v>489</v>
      </c>
      <c r="J5" s="1" t="s">
        <v>207</v>
      </c>
      <c r="K5" s="1" t="s">
        <v>225</v>
      </c>
      <c r="L5" s="1" t="s">
        <v>34</v>
      </c>
      <c r="N5" s="1" t="s">
        <v>35</v>
      </c>
      <c r="O5" s="1" t="s">
        <v>278</v>
      </c>
      <c r="P5" s="1" t="s">
        <v>37</v>
      </c>
      <c r="Q5" s="1" t="s">
        <v>186</v>
      </c>
      <c r="R5" s="1" t="s">
        <v>81</v>
      </c>
      <c r="S5" s="1" t="s">
        <v>341</v>
      </c>
      <c r="T5" s="1" t="s">
        <v>174</v>
      </c>
      <c r="U5" s="1">
        <v>7</v>
      </c>
      <c r="V5" s="1"/>
      <c r="W5" s="1"/>
      <c r="X5" s="1"/>
      <c r="Y5" s="1"/>
      <c r="Z5" s="1"/>
      <c r="AA5" s="1" t="s">
        <v>928</v>
      </c>
      <c r="AB5" s="1" t="s">
        <v>928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1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4444444444444453</v>
      </c>
      <c r="C6" s="1" t="s">
        <v>855</v>
      </c>
      <c r="D6" s="1" t="s">
        <v>85</v>
      </c>
      <c r="E6" s="1" t="s">
        <v>28</v>
      </c>
      <c r="F6" s="1" t="s">
        <v>203</v>
      </c>
      <c r="G6" s="1" t="s">
        <v>167</v>
      </c>
      <c r="H6" s="1" t="s">
        <v>219</v>
      </c>
      <c r="I6" s="1" t="s">
        <v>490</v>
      </c>
      <c r="J6" s="1" t="s">
        <v>207</v>
      </c>
      <c r="K6" s="1" t="s">
        <v>177</v>
      </c>
      <c r="L6" s="1" t="s">
        <v>34</v>
      </c>
      <c r="N6" s="1" t="s">
        <v>35</v>
      </c>
      <c r="O6" s="1" t="s">
        <v>278</v>
      </c>
      <c r="P6" s="1" t="s">
        <v>37</v>
      </c>
      <c r="Q6" s="1" t="s">
        <v>145</v>
      </c>
      <c r="R6" s="1" t="s">
        <v>411</v>
      </c>
      <c r="S6" s="1" t="s">
        <v>157</v>
      </c>
      <c r="T6" s="1" t="s">
        <v>286</v>
      </c>
      <c r="U6" s="1">
        <v>6.2</v>
      </c>
      <c r="V6" s="1"/>
      <c r="W6" s="1"/>
      <c r="X6" s="1">
        <v>9.3000000000000007</v>
      </c>
      <c r="Y6" s="1">
        <v>0.57999999999999996</v>
      </c>
      <c r="Z6" s="1"/>
      <c r="AA6" s="1" t="s">
        <v>928</v>
      </c>
      <c r="AB6" s="1" t="s">
        <v>928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34</v>
      </c>
      <c r="BP6" s="1">
        <v>28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87</v>
      </c>
      <c r="B7" s="2">
        <v>0.20138888888888887</v>
      </c>
      <c r="C7" s="1" t="s">
        <v>855</v>
      </c>
      <c r="D7" s="1" t="s">
        <v>85</v>
      </c>
      <c r="E7" s="1" t="s">
        <v>28</v>
      </c>
      <c r="F7" s="1" t="s">
        <v>175</v>
      </c>
      <c r="G7" s="1" t="s">
        <v>43</v>
      </c>
      <c r="H7" s="1" t="s">
        <v>280</v>
      </c>
      <c r="I7" s="1" t="s">
        <v>491</v>
      </c>
      <c r="J7" s="1" t="s">
        <v>150</v>
      </c>
      <c r="K7" s="1" t="s">
        <v>492</v>
      </c>
      <c r="L7" s="1" t="s">
        <v>34</v>
      </c>
      <c r="N7" s="1" t="s">
        <v>35</v>
      </c>
      <c r="O7" s="1" t="s">
        <v>278</v>
      </c>
      <c r="P7" s="1" t="s">
        <v>37</v>
      </c>
      <c r="Q7" s="1" t="s">
        <v>145</v>
      </c>
      <c r="R7" s="1" t="s">
        <v>145</v>
      </c>
      <c r="S7" s="1" t="s">
        <v>313</v>
      </c>
      <c r="T7" s="1" t="s">
        <v>68</v>
      </c>
      <c r="U7" s="1">
        <v>6.2</v>
      </c>
      <c r="V7" s="1"/>
      <c r="W7" s="1"/>
      <c r="X7" s="1"/>
      <c r="Y7" s="1"/>
      <c r="Z7" s="1"/>
      <c r="AA7" s="1" t="s">
        <v>928</v>
      </c>
      <c r="AB7" s="1" t="s">
        <v>928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2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193</v>
      </c>
      <c r="B8" s="2">
        <v>0.44444444444444442</v>
      </c>
      <c r="C8" s="1" t="s">
        <v>855</v>
      </c>
      <c r="D8" s="1" t="s">
        <v>27</v>
      </c>
      <c r="E8" s="1" t="s">
        <v>28</v>
      </c>
      <c r="F8" s="1" t="s">
        <v>70</v>
      </c>
      <c r="G8" s="1" t="s">
        <v>246</v>
      </c>
      <c r="H8" s="1" t="s">
        <v>56</v>
      </c>
      <c r="I8" s="1" t="s">
        <v>493</v>
      </c>
      <c r="J8" s="1" t="s">
        <v>207</v>
      </c>
      <c r="K8" s="1" t="s">
        <v>225</v>
      </c>
      <c r="L8" s="1" t="s">
        <v>34</v>
      </c>
      <c r="N8" s="1" t="s">
        <v>35</v>
      </c>
      <c r="O8" s="1" t="s">
        <v>278</v>
      </c>
      <c r="P8" s="1" t="s">
        <v>37</v>
      </c>
      <c r="Q8" s="1" t="s">
        <v>145</v>
      </c>
      <c r="R8" s="1" t="s">
        <v>456</v>
      </c>
      <c r="S8" s="1" t="s">
        <v>376</v>
      </c>
      <c r="T8" s="1" t="s">
        <v>41</v>
      </c>
      <c r="U8" s="1">
        <v>7.4</v>
      </c>
      <c r="V8" s="4">
        <v>11000</v>
      </c>
      <c r="W8" s="1"/>
      <c r="X8" s="1">
        <v>7.3</v>
      </c>
      <c r="Y8" s="1">
        <v>0.37</v>
      </c>
      <c r="Z8" s="1">
        <v>1.9E-2</v>
      </c>
      <c r="AA8" s="1" t="s">
        <v>926</v>
      </c>
      <c r="AB8" s="1" t="s">
        <v>936</v>
      </c>
      <c r="AC8" s="1" t="s">
        <v>881</v>
      </c>
      <c r="AD8" s="1" t="s">
        <v>882</v>
      </c>
      <c r="AE8" s="1" t="s">
        <v>883</v>
      </c>
      <c r="AF8" s="1" t="s">
        <v>884</v>
      </c>
      <c r="AG8" s="1" t="s">
        <v>883</v>
      </c>
      <c r="AH8" s="1" t="s">
        <v>883</v>
      </c>
      <c r="AI8" s="1"/>
      <c r="AJ8" s="1"/>
      <c r="AK8" s="1"/>
      <c r="AL8" s="1" t="s">
        <v>888</v>
      </c>
      <c r="AM8" s="1"/>
      <c r="AN8" s="1"/>
      <c r="AO8" s="1"/>
      <c r="AP8" t="s">
        <v>888</v>
      </c>
      <c r="AQ8" s="1"/>
      <c r="AR8" s="1" t="s">
        <v>888</v>
      </c>
      <c r="AS8" s="1" t="s">
        <v>888</v>
      </c>
      <c r="AT8" s="1"/>
      <c r="AU8" s="1"/>
      <c r="AV8" s="1"/>
      <c r="AW8" s="1"/>
      <c r="AX8" s="1"/>
      <c r="AY8" s="1"/>
      <c r="AZ8" s="1"/>
      <c r="BA8" s="1"/>
      <c r="BB8" s="1">
        <v>0.36</v>
      </c>
      <c r="BC8" s="1">
        <v>4.4000000000000004</v>
      </c>
      <c r="BD8" s="1">
        <v>4.7</v>
      </c>
      <c r="BE8" s="1"/>
      <c r="BF8" s="1"/>
      <c r="BG8" s="1"/>
      <c r="BH8" s="1"/>
      <c r="BI8" s="1"/>
      <c r="BJ8" s="1"/>
      <c r="BK8" s="1"/>
      <c r="BL8" s="1"/>
      <c r="BM8" s="1">
        <v>2.1</v>
      </c>
      <c r="BN8" s="1">
        <v>0.3</v>
      </c>
      <c r="BO8" s="1">
        <v>33</v>
      </c>
      <c r="BP8" s="1">
        <v>24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0833333333333337</v>
      </c>
      <c r="C9" s="1" t="s">
        <v>855</v>
      </c>
      <c r="D9" s="1" t="s">
        <v>27</v>
      </c>
      <c r="E9" s="1" t="s">
        <v>28</v>
      </c>
      <c r="F9" s="1" t="s">
        <v>70</v>
      </c>
      <c r="G9" s="1" t="s">
        <v>107</v>
      </c>
      <c r="H9" s="1" t="s">
        <v>80</v>
      </c>
      <c r="I9" s="1" t="s">
        <v>494</v>
      </c>
      <c r="J9" s="1" t="s">
        <v>55</v>
      </c>
      <c r="K9" s="1" t="s">
        <v>204</v>
      </c>
      <c r="L9" s="1" t="s">
        <v>34</v>
      </c>
      <c r="N9" s="1" t="s">
        <v>35</v>
      </c>
      <c r="O9" s="1" t="s">
        <v>278</v>
      </c>
      <c r="P9" s="1" t="s">
        <v>37</v>
      </c>
      <c r="Q9" s="1" t="s">
        <v>186</v>
      </c>
      <c r="R9" s="1" t="s">
        <v>445</v>
      </c>
      <c r="S9" s="1" t="s">
        <v>67</v>
      </c>
      <c r="T9" s="1" t="s">
        <v>60</v>
      </c>
      <c r="U9" s="1">
        <v>7.4</v>
      </c>
      <c r="V9" s="1"/>
      <c r="W9" s="1"/>
      <c r="X9" s="1"/>
      <c r="Y9" s="1"/>
      <c r="Z9" s="1"/>
      <c r="AA9" s="1" t="s">
        <v>928</v>
      </c>
      <c r="AB9" s="1" t="s">
        <v>928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1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4791666666666663</v>
      </c>
      <c r="C10" s="1" t="s">
        <v>855</v>
      </c>
      <c r="D10" s="1" t="s">
        <v>85</v>
      </c>
      <c r="E10" s="1" t="s">
        <v>28</v>
      </c>
      <c r="F10" s="1" t="s">
        <v>202</v>
      </c>
      <c r="G10" s="1" t="s">
        <v>53</v>
      </c>
      <c r="H10" s="1" t="s">
        <v>495</v>
      </c>
      <c r="I10" s="1" t="s">
        <v>496</v>
      </c>
      <c r="J10" s="1" t="s">
        <v>207</v>
      </c>
      <c r="K10" s="1" t="s">
        <v>177</v>
      </c>
      <c r="L10" s="1" t="s">
        <v>34</v>
      </c>
      <c r="N10" s="1" t="s">
        <v>35</v>
      </c>
      <c r="O10" s="1" t="s">
        <v>278</v>
      </c>
      <c r="P10" s="1" t="s">
        <v>37</v>
      </c>
      <c r="Q10" s="1" t="s">
        <v>145</v>
      </c>
      <c r="R10" s="1" t="s">
        <v>313</v>
      </c>
      <c r="S10" s="1" t="s">
        <v>376</v>
      </c>
      <c r="T10" s="1" t="s">
        <v>60</v>
      </c>
      <c r="U10" s="1">
        <v>6.1</v>
      </c>
      <c r="V10" s="1"/>
      <c r="W10" s="1"/>
      <c r="X10" s="1">
        <v>8.3000000000000007</v>
      </c>
      <c r="Y10" s="1">
        <v>0.54</v>
      </c>
      <c r="Z10" s="1"/>
      <c r="AA10" s="1" t="s">
        <v>928</v>
      </c>
      <c r="AB10" s="1" t="s">
        <v>928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33</v>
      </c>
      <c r="BP10" s="1">
        <v>22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1</v>
      </c>
      <c r="B11" s="2">
        <v>0.20486111111111113</v>
      </c>
      <c r="C11" s="1" t="s">
        <v>855</v>
      </c>
      <c r="D11" s="1" t="s">
        <v>85</v>
      </c>
      <c r="E11" s="1" t="s">
        <v>28</v>
      </c>
      <c r="F11" s="1" t="s">
        <v>106</v>
      </c>
      <c r="G11" s="1" t="s">
        <v>250</v>
      </c>
      <c r="H11" s="1" t="s">
        <v>94</v>
      </c>
      <c r="I11" s="1" t="s">
        <v>497</v>
      </c>
      <c r="J11" s="1" t="s">
        <v>78</v>
      </c>
      <c r="K11" s="1" t="s">
        <v>498</v>
      </c>
      <c r="L11" s="1" t="s">
        <v>34</v>
      </c>
      <c r="N11" s="1" t="s">
        <v>35</v>
      </c>
      <c r="O11" s="1" t="s">
        <v>278</v>
      </c>
      <c r="P11" s="1" t="s">
        <v>37</v>
      </c>
      <c r="Q11" s="1" t="s">
        <v>145</v>
      </c>
      <c r="R11" s="1" t="s">
        <v>76</v>
      </c>
      <c r="S11" s="1" t="s">
        <v>50</v>
      </c>
      <c r="T11" s="1" t="s">
        <v>60</v>
      </c>
      <c r="U11" s="1">
        <v>6.2</v>
      </c>
      <c r="V11" s="1"/>
      <c r="W11" s="1"/>
      <c r="X11" s="1"/>
      <c r="Y11" s="1"/>
      <c r="Z11" s="1"/>
      <c r="AA11" s="1" t="s">
        <v>928</v>
      </c>
      <c r="AB11" s="1" t="s">
        <v>928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2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69</v>
      </c>
      <c r="B12" s="2">
        <v>0.4375</v>
      </c>
      <c r="C12" s="1" t="s">
        <v>855</v>
      </c>
      <c r="D12" s="1" t="s">
        <v>85</v>
      </c>
      <c r="E12" s="1" t="s">
        <v>28</v>
      </c>
      <c r="F12" s="1" t="s">
        <v>499</v>
      </c>
      <c r="G12" s="1" t="s">
        <v>194</v>
      </c>
      <c r="H12" s="1" t="s">
        <v>190</v>
      </c>
      <c r="I12" s="1" t="s">
        <v>500</v>
      </c>
      <c r="J12" s="1" t="s">
        <v>79</v>
      </c>
      <c r="K12" s="1" t="s">
        <v>302</v>
      </c>
      <c r="L12" s="1" t="s">
        <v>34</v>
      </c>
      <c r="N12" s="1" t="s">
        <v>35</v>
      </c>
      <c r="O12" s="1" t="s">
        <v>278</v>
      </c>
      <c r="P12" s="1" t="s">
        <v>37</v>
      </c>
      <c r="Q12" s="1" t="s">
        <v>145</v>
      </c>
      <c r="R12" s="1" t="s">
        <v>411</v>
      </c>
      <c r="S12" s="1" t="s">
        <v>314</v>
      </c>
      <c r="T12" s="1" t="s">
        <v>68</v>
      </c>
      <c r="U12" s="1">
        <v>6.4</v>
      </c>
      <c r="V12" s="4">
        <v>11000</v>
      </c>
      <c r="W12" s="1"/>
      <c r="X12" s="1">
        <v>7</v>
      </c>
      <c r="Y12" s="1">
        <v>0.46</v>
      </c>
      <c r="Z12" s="1">
        <v>2.4E-2</v>
      </c>
      <c r="AA12" s="1" t="s">
        <v>926</v>
      </c>
      <c r="AB12" s="1" t="s">
        <v>937</v>
      </c>
      <c r="AC12" s="1" t="s">
        <v>881</v>
      </c>
      <c r="AD12" s="1" t="s">
        <v>882</v>
      </c>
      <c r="AE12" s="1" t="s">
        <v>883</v>
      </c>
      <c r="AF12" s="1" t="s">
        <v>884</v>
      </c>
      <c r="AG12" s="1" t="s">
        <v>883</v>
      </c>
      <c r="AH12" s="1" t="s">
        <v>883</v>
      </c>
      <c r="AI12" s="1"/>
      <c r="AJ12" s="1"/>
      <c r="AK12" s="1"/>
      <c r="AL12" s="1" t="s">
        <v>888</v>
      </c>
      <c r="AM12" s="1"/>
      <c r="AN12" s="1"/>
      <c r="AO12" s="1"/>
      <c r="AP12" t="s">
        <v>888</v>
      </c>
      <c r="AQ12" s="1"/>
      <c r="AR12" s="1" t="s">
        <v>888</v>
      </c>
      <c r="AS12" s="1" t="s">
        <v>888</v>
      </c>
      <c r="AT12" s="1"/>
      <c r="AU12" s="1"/>
      <c r="AV12" s="1"/>
      <c r="AW12" s="1"/>
      <c r="AX12" s="1"/>
      <c r="AY12" s="1"/>
      <c r="AZ12" s="1" t="s">
        <v>893</v>
      </c>
      <c r="BA12" s="1">
        <v>3.4000000000000002E-2</v>
      </c>
      <c r="BB12" s="1">
        <v>0.6</v>
      </c>
      <c r="BC12" s="1">
        <v>3.8</v>
      </c>
      <c r="BD12" s="1">
        <v>4.4000000000000004</v>
      </c>
      <c r="BE12" s="1"/>
      <c r="BF12" s="1" t="s">
        <v>885</v>
      </c>
      <c r="BG12" s="1">
        <v>4.1000000000000003E-3</v>
      </c>
      <c r="BH12" s="1" t="s">
        <v>884</v>
      </c>
      <c r="BI12" s="1" t="s">
        <v>882</v>
      </c>
      <c r="BJ12" s="1"/>
      <c r="BK12" s="1"/>
      <c r="BL12" s="1"/>
      <c r="BM12" s="1">
        <v>0.47</v>
      </c>
      <c r="BN12" s="1">
        <v>0.42</v>
      </c>
      <c r="BO12" s="1">
        <v>32</v>
      </c>
      <c r="BP12" s="1">
        <v>25</v>
      </c>
      <c r="BQ12" s="1"/>
      <c r="BR12" s="1" t="s">
        <v>90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9444444444444453</v>
      </c>
      <c r="C13" s="1" t="s">
        <v>855</v>
      </c>
      <c r="D13" s="1" t="s">
        <v>85</v>
      </c>
      <c r="E13" s="1" t="s">
        <v>28</v>
      </c>
      <c r="F13" s="1" t="s">
        <v>92</v>
      </c>
      <c r="G13" s="1" t="s">
        <v>92</v>
      </c>
      <c r="H13" s="1" t="s">
        <v>243</v>
      </c>
      <c r="I13" s="1" t="s">
        <v>501</v>
      </c>
      <c r="J13" s="1" t="s">
        <v>47</v>
      </c>
      <c r="K13" s="1" t="s">
        <v>251</v>
      </c>
      <c r="L13" s="1" t="s">
        <v>34</v>
      </c>
      <c r="N13" s="1" t="s">
        <v>35</v>
      </c>
      <c r="O13" s="1" t="s">
        <v>278</v>
      </c>
      <c r="P13" s="1" t="s">
        <v>37</v>
      </c>
      <c r="Q13" s="1" t="s">
        <v>186</v>
      </c>
      <c r="R13" s="1" t="s">
        <v>288</v>
      </c>
      <c r="S13" s="1" t="s">
        <v>147</v>
      </c>
      <c r="T13" s="1" t="s">
        <v>286</v>
      </c>
      <c r="U13" s="1">
        <v>6.8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375</v>
      </c>
      <c r="C14" s="1" t="s">
        <v>855</v>
      </c>
      <c r="D14" s="1" t="s">
        <v>85</v>
      </c>
      <c r="E14" s="1" t="s">
        <v>28</v>
      </c>
      <c r="F14" s="1" t="s">
        <v>106</v>
      </c>
      <c r="G14" s="1" t="s">
        <v>246</v>
      </c>
      <c r="H14" s="1" t="s">
        <v>170</v>
      </c>
      <c r="I14" s="1" t="s">
        <v>502</v>
      </c>
      <c r="J14" s="1" t="s">
        <v>79</v>
      </c>
      <c r="K14" s="1" t="s">
        <v>302</v>
      </c>
      <c r="L14" s="1" t="s">
        <v>34</v>
      </c>
      <c r="N14" s="1" t="s">
        <v>35</v>
      </c>
      <c r="O14" s="1" t="s">
        <v>278</v>
      </c>
      <c r="P14" s="1" t="s">
        <v>37</v>
      </c>
      <c r="Q14" s="1" t="s">
        <v>145</v>
      </c>
      <c r="R14" s="1" t="s">
        <v>161</v>
      </c>
      <c r="S14" s="1" t="s">
        <v>288</v>
      </c>
      <c r="T14" s="1" t="s">
        <v>286</v>
      </c>
      <c r="U14" s="1">
        <v>5.8</v>
      </c>
      <c r="V14" s="1"/>
      <c r="W14" s="1"/>
      <c r="X14" s="1">
        <v>7.8</v>
      </c>
      <c r="Y14" s="1">
        <v>0.59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34</v>
      </c>
      <c r="BP14" s="1">
        <v>24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503</v>
      </c>
      <c r="B15" s="2">
        <v>0.1875</v>
      </c>
      <c r="C15" s="1" t="s">
        <v>855</v>
      </c>
      <c r="D15" s="1" t="s">
        <v>27</v>
      </c>
      <c r="E15" s="1" t="s">
        <v>28</v>
      </c>
      <c r="F15" s="1" t="s">
        <v>29</v>
      </c>
      <c r="G15" s="1" t="s">
        <v>113</v>
      </c>
      <c r="H15" s="1" t="s">
        <v>65</v>
      </c>
      <c r="I15" s="1" t="s">
        <v>504</v>
      </c>
      <c r="J15" s="1" t="s">
        <v>45</v>
      </c>
      <c r="K15" s="1" t="s">
        <v>190</v>
      </c>
      <c r="L15" s="1" t="s">
        <v>34</v>
      </c>
      <c r="N15" s="1" t="s">
        <v>35</v>
      </c>
      <c r="O15" s="1" t="s">
        <v>278</v>
      </c>
      <c r="P15" s="1" t="s">
        <v>37</v>
      </c>
      <c r="Q15" s="1" t="s">
        <v>145</v>
      </c>
      <c r="R15" s="1" t="s">
        <v>341</v>
      </c>
      <c r="S15" s="1" t="s">
        <v>287</v>
      </c>
      <c r="T15" s="1" t="s">
        <v>286</v>
      </c>
      <c r="U15" s="1">
        <v>5.9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6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4</v>
      </c>
      <c r="B16" s="2">
        <v>0.4513888888888889</v>
      </c>
      <c r="C16" s="1" t="s">
        <v>855</v>
      </c>
      <c r="D16" s="1" t="s">
        <v>85</v>
      </c>
      <c r="E16" s="1" t="s">
        <v>28</v>
      </c>
      <c r="F16" s="1" t="s">
        <v>505</v>
      </c>
      <c r="G16" s="1" t="s">
        <v>222</v>
      </c>
      <c r="H16" s="1" t="s">
        <v>200</v>
      </c>
      <c r="I16" s="1" t="s">
        <v>506</v>
      </c>
      <c r="J16" s="1" t="s">
        <v>72</v>
      </c>
      <c r="K16" s="1" t="s">
        <v>243</v>
      </c>
      <c r="L16" s="1" t="s">
        <v>34</v>
      </c>
      <c r="N16" s="1" t="s">
        <v>35</v>
      </c>
      <c r="O16" s="1" t="s">
        <v>278</v>
      </c>
      <c r="P16" s="1" t="s">
        <v>37</v>
      </c>
      <c r="Q16" s="1" t="s">
        <v>145</v>
      </c>
      <c r="R16" s="1" t="s">
        <v>408</v>
      </c>
      <c r="S16" s="1" t="s">
        <v>323</v>
      </c>
      <c r="T16" s="1" t="s">
        <v>68</v>
      </c>
      <c r="U16" s="1">
        <v>6.9</v>
      </c>
      <c r="V16" s="4">
        <v>4900</v>
      </c>
      <c r="W16" s="1"/>
      <c r="X16" s="1">
        <v>7.9</v>
      </c>
      <c r="Y16" s="1">
        <v>0.23</v>
      </c>
      <c r="Z16" s="1">
        <v>1.9E-2</v>
      </c>
      <c r="AA16" s="1" t="s">
        <v>926</v>
      </c>
      <c r="AB16" s="1" t="s">
        <v>937</v>
      </c>
      <c r="AC16" s="1" t="s">
        <v>881</v>
      </c>
      <c r="AD16" s="1" t="s">
        <v>882</v>
      </c>
      <c r="AE16" s="1" t="s">
        <v>883</v>
      </c>
      <c r="AF16" s="1" t="s">
        <v>884</v>
      </c>
      <c r="AG16" s="1" t="s">
        <v>883</v>
      </c>
      <c r="AH16" s="1" t="s">
        <v>883</v>
      </c>
      <c r="AI16" s="1"/>
      <c r="AJ16" s="1"/>
      <c r="AK16" s="1"/>
      <c r="AL16" s="1" t="s">
        <v>888</v>
      </c>
      <c r="AM16" s="1"/>
      <c r="AN16" s="1"/>
      <c r="AO16" s="1"/>
      <c r="AP16" t="s">
        <v>888</v>
      </c>
      <c r="AQ16" s="1"/>
      <c r="AR16" s="1" t="s">
        <v>888</v>
      </c>
      <c r="AS16" s="1" t="s">
        <v>888</v>
      </c>
      <c r="AT16" s="1"/>
      <c r="AU16" s="1" t="s">
        <v>883</v>
      </c>
      <c r="AV16" s="1" t="s">
        <v>881</v>
      </c>
      <c r="AW16" s="1" t="s">
        <v>883</v>
      </c>
      <c r="AX16" s="1"/>
      <c r="AY16" s="1"/>
      <c r="AZ16" s="1"/>
      <c r="BA16" s="1"/>
      <c r="BB16" s="1">
        <v>0.67</v>
      </c>
      <c r="BC16" s="1">
        <v>4.2</v>
      </c>
      <c r="BD16" s="1">
        <v>4.8</v>
      </c>
      <c r="BE16" s="1"/>
      <c r="BF16" s="1"/>
      <c r="BG16" s="1"/>
      <c r="BH16" s="1"/>
      <c r="BI16" s="1"/>
      <c r="BJ16" s="1"/>
      <c r="BK16" s="1" t="s">
        <v>903</v>
      </c>
      <c r="BL16" s="1"/>
      <c r="BM16" s="1" t="s">
        <v>900</v>
      </c>
      <c r="BN16" s="1">
        <v>0.17</v>
      </c>
      <c r="BO16" s="1">
        <v>36</v>
      </c>
      <c r="BP16" s="1">
        <v>28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0138888888888884</v>
      </c>
      <c r="C17" s="1" t="s">
        <v>855</v>
      </c>
      <c r="D17" s="1" t="s">
        <v>27</v>
      </c>
      <c r="E17" s="1" t="s">
        <v>28</v>
      </c>
      <c r="F17" s="1" t="s">
        <v>230</v>
      </c>
      <c r="G17" s="1" t="s">
        <v>507</v>
      </c>
      <c r="H17" s="1" t="s">
        <v>355</v>
      </c>
      <c r="I17" s="1" t="s">
        <v>508</v>
      </c>
      <c r="J17" s="1" t="s">
        <v>32</v>
      </c>
      <c r="K17" s="1" t="s">
        <v>74</v>
      </c>
      <c r="L17" s="1" t="s">
        <v>34</v>
      </c>
      <c r="N17" s="1" t="s">
        <v>35</v>
      </c>
      <c r="O17" s="1" t="s">
        <v>278</v>
      </c>
      <c r="P17" s="1" t="s">
        <v>37</v>
      </c>
      <c r="Q17" s="1" t="s">
        <v>179</v>
      </c>
      <c r="R17" s="1" t="s">
        <v>341</v>
      </c>
      <c r="S17" s="1" t="s">
        <v>452</v>
      </c>
      <c r="T17" s="1" t="s">
        <v>68</v>
      </c>
      <c r="U17" s="1">
        <v>6.7</v>
      </c>
      <c r="V17" s="1"/>
      <c r="W17" s="1"/>
      <c r="X17" s="1"/>
      <c r="Y17" s="1"/>
      <c r="Z17" s="1"/>
      <c r="AA17" s="1" t="s">
        <v>928</v>
      </c>
      <c r="AB17" s="1" t="s">
        <v>928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6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4444444444444453</v>
      </c>
      <c r="C18" s="1" t="s">
        <v>855</v>
      </c>
      <c r="D18" s="1" t="s">
        <v>85</v>
      </c>
      <c r="E18" s="1" t="s">
        <v>28</v>
      </c>
      <c r="F18" s="1" t="s">
        <v>211</v>
      </c>
      <c r="G18" s="1" t="s">
        <v>52</v>
      </c>
      <c r="H18" s="1" t="s">
        <v>224</v>
      </c>
      <c r="I18" s="1" t="s">
        <v>509</v>
      </c>
      <c r="J18" s="1" t="s">
        <v>119</v>
      </c>
      <c r="K18" s="1" t="s">
        <v>200</v>
      </c>
      <c r="L18" s="1" t="s">
        <v>34</v>
      </c>
      <c r="N18" s="1" t="s">
        <v>35</v>
      </c>
      <c r="O18" s="1" t="s">
        <v>278</v>
      </c>
      <c r="P18" s="1" t="s">
        <v>37</v>
      </c>
      <c r="Q18" s="1" t="s">
        <v>145</v>
      </c>
      <c r="R18" s="1" t="s">
        <v>180</v>
      </c>
      <c r="S18" s="1" t="s">
        <v>288</v>
      </c>
      <c r="T18" s="1" t="s">
        <v>68</v>
      </c>
      <c r="U18" s="1">
        <v>5</v>
      </c>
      <c r="V18" s="1"/>
      <c r="W18" s="1"/>
      <c r="X18" s="1">
        <v>9.5</v>
      </c>
      <c r="Y18" s="1">
        <v>0.41</v>
      </c>
      <c r="Z18" s="1"/>
      <c r="AA18" s="1" t="s">
        <v>928</v>
      </c>
      <c r="AB18" s="1" t="s">
        <v>928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36</v>
      </c>
      <c r="BP18" s="1">
        <v>27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27</v>
      </c>
      <c r="B19" s="2">
        <v>0.19791666666666666</v>
      </c>
      <c r="C19" s="1" t="s">
        <v>855</v>
      </c>
      <c r="D19" s="1" t="s">
        <v>164</v>
      </c>
      <c r="E19" s="1" t="s">
        <v>28</v>
      </c>
      <c r="F19" s="1" t="s">
        <v>211</v>
      </c>
      <c r="G19" s="1" t="s">
        <v>70</v>
      </c>
      <c r="H19" s="1" t="s">
        <v>189</v>
      </c>
      <c r="I19" s="1" t="s">
        <v>510</v>
      </c>
      <c r="J19" s="1" t="s">
        <v>207</v>
      </c>
      <c r="K19" s="1" t="s">
        <v>225</v>
      </c>
      <c r="L19" s="1" t="s">
        <v>34</v>
      </c>
      <c r="N19" s="1" t="s">
        <v>35</v>
      </c>
      <c r="O19" s="1" t="s">
        <v>278</v>
      </c>
      <c r="P19" s="1" t="s">
        <v>37</v>
      </c>
      <c r="Q19" s="1" t="s">
        <v>191</v>
      </c>
      <c r="R19" s="1" t="s">
        <v>341</v>
      </c>
      <c r="S19" s="1" t="s">
        <v>348</v>
      </c>
      <c r="T19" s="1" t="s">
        <v>60</v>
      </c>
      <c r="U19" s="1">
        <v>4.9000000000000004</v>
      </c>
      <c r="V19" s="1"/>
      <c r="W19" s="1"/>
      <c r="X19" s="1"/>
      <c r="Y19" s="1"/>
      <c r="Z19" s="1"/>
      <c r="AA19" s="1" t="s">
        <v>928</v>
      </c>
      <c r="AB19" s="1" t="s">
        <v>928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5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97</v>
      </c>
      <c r="B20" s="2">
        <v>0.44444444444444442</v>
      </c>
      <c r="C20" s="1" t="s">
        <v>855</v>
      </c>
      <c r="D20" s="1" t="s">
        <v>27</v>
      </c>
      <c r="E20" s="1" t="s">
        <v>28</v>
      </c>
      <c r="F20" s="1" t="s">
        <v>364</v>
      </c>
      <c r="G20" s="1" t="s">
        <v>353</v>
      </c>
      <c r="H20" s="1" t="s">
        <v>200</v>
      </c>
      <c r="I20" s="1" t="s">
        <v>511</v>
      </c>
      <c r="J20" s="1" t="s">
        <v>72</v>
      </c>
      <c r="K20" s="1" t="s">
        <v>243</v>
      </c>
      <c r="L20" s="1" t="s">
        <v>34</v>
      </c>
      <c r="N20" s="1" t="s">
        <v>35</v>
      </c>
      <c r="O20" s="1" t="s">
        <v>278</v>
      </c>
      <c r="P20" s="1" t="s">
        <v>37</v>
      </c>
      <c r="Q20" s="1" t="s">
        <v>145</v>
      </c>
      <c r="R20" s="1" t="s">
        <v>49</v>
      </c>
      <c r="S20" s="1" t="s">
        <v>314</v>
      </c>
      <c r="T20" s="1" t="s">
        <v>41</v>
      </c>
      <c r="U20" s="1">
        <v>6.9</v>
      </c>
      <c r="V20" s="4">
        <v>4900</v>
      </c>
      <c r="W20" s="1" t="s">
        <v>887</v>
      </c>
      <c r="X20" s="1">
        <v>6.6</v>
      </c>
      <c r="Y20" s="1">
        <v>0.41</v>
      </c>
      <c r="Z20" s="1">
        <v>2.1000000000000001E-2</v>
      </c>
      <c r="AA20" s="1" t="s">
        <v>926</v>
      </c>
      <c r="AB20" s="1" t="s">
        <v>938</v>
      </c>
      <c r="AC20" s="1" t="s">
        <v>881</v>
      </c>
      <c r="AD20" s="1" t="s">
        <v>882</v>
      </c>
      <c r="AE20" s="1" t="s">
        <v>883</v>
      </c>
      <c r="AF20" s="1" t="s">
        <v>884</v>
      </c>
      <c r="AG20" s="1" t="s">
        <v>883</v>
      </c>
      <c r="AH20" s="1" t="s">
        <v>883</v>
      </c>
      <c r="AI20" s="1"/>
      <c r="AJ20" s="1" t="s">
        <v>883</v>
      </c>
      <c r="AK20" s="1" t="s">
        <v>888</v>
      </c>
      <c r="AL20" s="1" t="s">
        <v>888</v>
      </c>
      <c r="AM20" s="1" t="s">
        <v>888</v>
      </c>
      <c r="AN20" s="1" t="s">
        <v>888</v>
      </c>
      <c r="AO20" s="1" t="s">
        <v>888</v>
      </c>
      <c r="AP20" t="s">
        <v>888</v>
      </c>
      <c r="AQ20" s="1" t="s">
        <v>888</v>
      </c>
      <c r="AR20" s="1" t="s">
        <v>888</v>
      </c>
      <c r="AS20" s="1" t="s">
        <v>888</v>
      </c>
      <c r="AT20" s="1" t="s">
        <v>896</v>
      </c>
      <c r="AU20" s="1"/>
      <c r="AV20" s="1"/>
      <c r="AW20" s="1"/>
      <c r="AX20" s="1" t="s">
        <v>888</v>
      </c>
      <c r="AY20" s="1" t="s">
        <v>883</v>
      </c>
      <c r="AZ20" s="1" t="s">
        <v>893</v>
      </c>
      <c r="BA20" s="1">
        <v>4.2999999999999997E-2</v>
      </c>
      <c r="BB20" s="1">
        <v>0.37</v>
      </c>
      <c r="BC20" s="1">
        <v>4.2</v>
      </c>
      <c r="BD20" s="1">
        <v>4.5</v>
      </c>
      <c r="BE20" s="1" t="s">
        <v>885</v>
      </c>
      <c r="BF20" s="1" t="s">
        <v>885</v>
      </c>
      <c r="BG20" s="1">
        <v>8.3000000000000001E-3</v>
      </c>
      <c r="BH20" s="1" t="s">
        <v>884</v>
      </c>
      <c r="BI20" s="1" t="s">
        <v>882</v>
      </c>
      <c r="BJ20" s="1" t="s">
        <v>884</v>
      </c>
      <c r="BK20" s="1"/>
      <c r="BL20" s="1" t="s">
        <v>889</v>
      </c>
      <c r="BM20" s="1" t="s">
        <v>900</v>
      </c>
      <c r="BN20" s="1">
        <v>0.35</v>
      </c>
      <c r="BO20" s="1">
        <v>36</v>
      </c>
      <c r="BP20" s="1">
        <v>27</v>
      </c>
      <c r="BQ20" s="1"/>
      <c r="BR20" s="1" t="s">
        <v>90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9097222222222221</v>
      </c>
      <c r="C21" s="1" t="s">
        <v>855</v>
      </c>
      <c r="D21" s="1" t="s">
        <v>27</v>
      </c>
      <c r="E21" s="1" t="s">
        <v>28</v>
      </c>
      <c r="F21" s="1" t="s">
        <v>512</v>
      </c>
      <c r="G21" s="1" t="s">
        <v>505</v>
      </c>
      <c r="H21" s="1" t="s">
        <v>258</v>
      </c>
      <c r="I21" s="1" t="s">
        <v>513</v>
      </c>
      <c r="J21" s="1" t="s">
        <v>44</v>
      </c>
      <c r="K21" s="1" t="s">
        <v>254</v>
      </c>
      <c r="L21" s="1" t="s">
        <v>34</v>
      </c>
      <c r="N21" s="1" t="s">
        <v>35</v>
      </c>
      <c r="O21" s="1" t="s">
        <v>278</v>
      </c>
      <c r="P21" s="1" t="s">
        <v>37</v>
      </c>
      <c r="Q21" s="1" t="s">
        <v>186</v>
      </c>
      <c r="R21" s="1" t="s">
        <v>149</v>
      </c>
      <c r="S21" s="1" t="s">
        <v>287</v>
      </c>
      <c r="T21" s="1" t="s">
        <v>60</v>
      </c>
      <c r="U21" s="1">
        <v>5.9</v>
      </c>
      <c r="V21" s="1"/>
      <c r="W21" s="1"/>
      <c r="X21" s="1"/>
      <c r="Y21" s="1"/>
      <c r="Z21" s="1"/>
      <c r="AA21" s="1" t="s">
        <v>928</v>
      </c>
      <c r="AB21" s="1" t="s">
        <v>928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6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375</v>
      </c>
      <c r="C22" s="1" t="s">
        <v>855</v>
      </c>
      <c r="D22" s="1" t="s">
        <v>27</v>
      </c>
      <c r="E22" s="1" t="s">
        <v>28</v>
      </c>
      <c r="F22" s="1" t="s">
        <v>514</v>
      </c>
      <c r="G22" s="1" t="s">
        <v>507</v>
      </c>
      <c r="H22" s="1" t="s">
        <v>258</v>
      </c>
      <c r="I22" s="1" t="s">
        <v>515</v>
      </c>
      <c r="J22" s="1" t="s">
        <v>207</v>
      </c>
      <c r="K22" s="1" t="s">
        <v>177</v>
      </c>
      <c r="L22" s="1" t="s">
        <v>34</v>
      </c>
      <c r="N22" s="1" t="s">
        <v>35</v>
      </c>
      <c r="O22" s="1" t="s">
        <v>278</v>
      </c>
      <c r="P22" s="1" t="s">
        <v>37</v>
      </c>
      <c r="Q22" s="1" t="s">
        <v>145</v>
      </c>
      <c r="R22" s="1" t="s">
        <v>394</v>
      </c>
      <c r="S22" s="1" t="s">
        <v>157</v>
      </c>
      <c r="T22" s="1" t="s">
        <v>68</v>
      </c>
      <c r="U22" s="1">
        <v>5</v>
      </c>
      <c r="V22" s="1"/>
      <c r="W22" s="1"/>
      <c r="X22" s="1">
        <v>7.2</v>
      </c>
      <c r="Y22" s="1">
        <v>0.36</v>
      </c>
      <c r="Z22" s="1"/>
      <c r="AA22" s="1" t="s">
        <v>928</v>
      </c>
      <c r="AB22" s="1" t="s">
        <v>928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34</v>
      </c>
      <c r="BP22" s="1">
        <v>25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38</v>
      </c>
      <c r="B23" s="2">
        <v>0.19097222222222221</v>
      </c>
      <c r="C23" s="1" t="s">
        <v>855</v>
      </c>
      <c r="D23" s="1" t="s">
        <v>27</v>
      </c>
      <c r="E23" s="1" t="s">
        <v>28</v>
      </c>
      <c r="F23" s="1" t="s">
        <v>514</v>
      </c>
      <c r="G23" s="1" t="s">
        <v>236</v>
      </c>
      <c r="H23" s="1" t="s">
        <v>243</v>
      </c>
      <c r="I23" s="1" t="s">
        <v>516</v>
      </c>
      <c r="J23" s="1" t="s">
        <v>44</v>
      </c>
      <c r="K23" s="1" t="s">
        <v>247</v>
      </c>
      <c r="L23" s="1" t="s">
        <v>34</v>
      </c>
      <c r="N23" s="1" t="s">
        <v>35</v>
      </c>
      <c r="O23" s="1" t="s">
        <v>278</v>
      </c>
      <c r="P23" s="1" t="s">
        <v>37</v>
      </c>
      <c r="Q23" s="1" t="s">
        <v>145</v>
      </c>
      <c r="R23" s="1" t="s">
        <v>76</v>
      </c>
      <c r="S23" s="1" t="s">
        <v>376</v>
      </c>
      <c r="T23" s="1" t="s">
        <v>41</v>
      </c>
      <c r="U23" s="1">
        <v>4.8</v>
      </c>
      <c r="V23" s="1"/>
      <c r="W23" s="1"/>
      <c r="X23" s="1"/>
      <c r="Y23" s="1"/>
      <c r="Z23" s="1"/>
      <c r="AA23" s="1" t="s">
        <v>928</v>
      </c>
      <c r="AB23" s="1" t="s">
        <v>928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4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1</v>
      </c>
      <c r="B24" s="2">
        <v>0.4375</v>
      </c>
      <c r="C24" s="1" t="s">
        <v>855</v>
      </c>
      <c r="D24" s="1" t="s">
        <v>85</v>
      </c>
      <c r="E24" s="1" t="s">
        <v>28</v>
      </c>
      <c r="F24" s="1" t="s">
        <v>70</v>
      </c>
      <c r="G24" s="1" t="s">
        <v>92</v>
      </c>
      <c r="H24" s="1" t="s">
        <v>190</v>
      </c>
      <c r="I24" s="1" t="s">
        <v>385</v>
      </c>
      <c r="J24" s="1" t="s">
        <v>63</v>
      </c>
      <c r="K24" s="1" t="s">
        <v>345</v>
      </c>
      <c r="L24" s="1" t="s">
        <v>34</v>
      </c>
      <c r="N24" s="1" t="s">
        <v>35</v>
      </c>
      <c r="O24" s="1" t="s">
        <v>278</v>
      </c>
      <c r="P24" s="1" t="s">
        <v>37</v>
      </c>
      <c r="Q24" s="1" t="s">
        <v>145</v>
      </c>
      <c r="R24" s="1" t="s">
        <v>76</v>
      </c>
      <c r="S24" s="1" t="s">
        <v>373</v>
      </c>
      <c r="T24" s="1" t="s">
        <v>60</v>
      </c>
      <c r="U24" s="1">
        <v>6.6</v>
      </c>
      <c r="V24" s="4">
        <v>4900</v>
      </c>
      <c r="W24" s="1"/>
      <c r="X24" s="1">
        <v>4.5999999999999996</v>
      </c>
      <c r="Y24" s="1">
        <v>0.55000000000000004</v>
      </c>
      <c r="Z24" s="1">
        <v>0.02</v>
      </c>
      <c r="AA24" s="1" t="s">
        <v>926</v>
      </c>
      <c r="AB24" s="1" t="s">
        <v>939</v>
      </c>
      <c r="AC24" s="1" t="s">
        <v>881</v>
      </c>
      <c r="AD24" s="1" t="s">
        <v>882</v>
      </c>
      <c r="AE24" s="1" t="s">
        <v>883</v>
      </c>
      <c r="AF24" s="1" t="s">
        <v>884</v>
      </c>
      <c r="AG24" s="1" t="s">
        <v>883</v>
      </c>
      <c r="AH24" s="1" t="s">
        <v>883</v>
      </c>
      <c r="AI24" s="1"/>
      <c r="AJ24" s="1"/>
      <c r="AK24" s="1"/>
      <c r="AL24" s="1" t="s">
        <v>888</v>
      </c>
      <c r="AM24" s="1"/>
      <c r="AN24" s="1"/>
      <c r="AO24" s="1"/>
      <c r="AP24" t="s">
        <v>888</v>
      </c>
      <c r="AQ24" s="1"/>
      <c r="AR24" s="1" t="s">
        <v>888</v>
      </c>
      <c r="AS24" s="1" t="s">
        <v>888</v>
      </c>
      <c r="AT24" s="1"/>
      <c r="AU24" s="1"/>
      <c r="AV24" s="1"/>
      <c r="AW24" s="1"/>
      <c r="AX24" s="1"/>
      <c r="AY24" s="1"/>
      <c r="AZ24" s="1"/>
      <c r="BA24" s="1"/>
      <c r="BB24" s="1">
        <v>0.41</v>
      </c>
      <c r="BC24" s="1">
        <v>4.0999999999999996</v>
      </c>
      <c r="BD24" s="1">
        <v>4.5</v>
      </c>
      <c r="BE24" s="1"/>
      <c r="BF24" s="1"/>
      <c r="BG24" s="1"/>
      <c r="BH24" s="1"/>
      <c r="BI24" s="1"/>
      <c r="BJ24" s="1"/>
      <c r="BK24" s="1"/>
      <c r="BL24" s="1"/>
      <c r="BM24" s="1" t="s">
        <v>900</v>
      </c>
      <c r="BN24" s="1">
        <v>0.51</v>
      </c>
      <c r="BO24" s="1">
        <v>33</v>
      </c>
      <c r="BP24" s="1">
        <v>24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875</v>
      </c>
      <c r="C25" s="1" t="s">
        <v>855</v>
      </c>
      <c r="D25" s="1" t="s">
        <v>85</v>
      </c>
      <c r="E25" s="1" t="s">
        <v>28</v>
      </c>
      <c r="F25" s="1" t="s">
        <v>242</v>
      </c>
      <c r="G25" s="1" t="s">
        <v>92</v>
      </c>
      <c r="H25" s="1" t="s">
        <v>78</v>
      </c>
      <c r="I25" s="1" t="s">
        <v>517</v>
      </c>
      <c r="J25" s="1" t="s">
        <v>150</v>
      </c>
      <c r="K25" s="1" t="s">
        <v>492</v>
      </c>
      <c r="L25" s="1" t="s">
        <v>34</v>
      </c>
      <c r="N25" s="1" t="s">
        <v>35</v>
      </c>
      <c r="O25" s="1" t="s">
        <v>278</v>
      </c>
      <c r="P25" s="1" t="s">
        <v>37</v>
      </c>
      <c r="Q25" s="1" t="s">
        <v>145</v>
      </c>
      <c r="R25" s="1" t="s">
        <v>181</v>
      </c>
      <c r="S25" s="1" t="s">
        <v>141</v>
      </c>
      <c r="T25" s="1" t="s">
        <v>60</v>
      </c>
      <c r="U25" s="1">
        <v>6.4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1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375</v>
      </c>
      <c r="C26" s="1" t="s">
        <v>855</v>
      </c>
      <c r="D26" s="1" t="s">
        <v>164</v>
      </c>
      <c r="E26" s="1" t="s">
        <v>28</v>
      </c>
      <c r="F26" s="1" t="s">
        <v>250</v>
      </c>
      <c r="G26" s="1" t="s">
        <v>246</v>
      </c>
      <c r="H26" s="1" t="s">
        <v>352</v>
      </c>
      <c r="I26" s="1" t="s">
        <v>518</v>
      </c>
      <c r="J26" s="1" t="s">
        <v>72</v>
      </c>
      <c r="K26" s="1" t="s">
        <v>243</v>
      </c>
      <c r="L26" s="1" t="s">
        <v>34</v>
      </c>
      <c r="N26" s="1" t="s">
        <v>35</v>
      </c>
      <c r="O26" s="1" t="s">
        <v>278</v>
      </c>
      <c r="P26" s="1" t="s">
        <v>37</v>
      </c>
      <c r="Q26" s="1" t="s">
        <v>191</v>
      </c>
      <c r="R26" s="1" t="s">
        <v>282</v>
      </c>
      <c r="S26" s="1" t="s">
        <v>376</v>
      </c>
      <c r="T26" s="1" t="s">
        <v>60</v>
      </c>
      <c r="U26" s="1">
        <v>6</v>
      </c>
      <c r="V26" s="1"/>
      <c r="W26" s="1"/>
      <c r="X26" s="1">
        <v>7.2</v>
      </c>
      <c r="Y26" s="1">
        <v>0.65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35</v>
      </c>
      <c r="BP26" s="1">
        <v>25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252</v>
      </c>
      <c r="B27" s="2">
        <v>0.1875</v>
      </c>
      <c r="C27" s="1" t="s">
        <v>855</v>
      </c>
      <c r="D27" s="1" t="s">
        <v>27</v>
      </c>
      <c r="E27" s="1" t="s">
        <v>28</v>
      </c>
      <c r="F27" s="1" t="s">
        <v>203</v>
      </c>
      <c r="G27" s="1" t="s">
        <v>106</v>
      </c>
      <c r="H27" s="1" t="s">
        <v>302</v>
      </c>
      <c r="I27" s="1" t="s">
        <v>519</v>
      </c>
      <c r="J27" s="1" t="s">
        <v>55</v>
      </c>
      <c r="K27" s="1" t="s">
        <v>520</v>
      </c>
      <c r="L27" s="1" t="s">
        <v>34</v>
      </c>
      <c r="N27" s="1" t="s">
        <v>35</v>
      </c>
      <c r="O27" s="1" t="s">
        <v>278</v>
      </c>
      <c r="P27" s="1" t="s">
        <v>37</v>
      </c>
      <c r="Q27" s="1" t="s">
        <v>145</v>
      </c>
      <c r="R27" s="1" t="s">
        <v>220</v>
      </c>
      <c r="S27" s="1" t="s">
        <v>141</v>
      </c>
      <c r="T27" s="1" t="s">
        <v>41</v>
      </c>
      <c r="U27" s="1">
        <v>6.2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8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56</v>
      </c>
      <c r="B28" s="2">
        <v>0.4375</v>
      </c>
      <c r="C28" s="1" t="s">
        <v>855</v>
      </c>
      <c r="D28" s="1" t="s">
        <v>85</v>
      </c>
      <c r="E28" s="1" t="s">
        <v>28</v>
      </c>
      <c r="F28" s="1" t="s">
        <v>70</v>
      </c>
      <c r="G28" s="1" t="s">
        <v>106</v>
      </c>
      <c r="H28" s="1" t="s">
        <v>56</v>
      </c>
      <c r="I28" s="1" t="s">
        <v>521</v>
      </c>
      <c r="J28" s="1" t="s">
        <v>72</v>
      </c>
      <c r="K28" s="1" t="s">
        <v>184</v>
      </c>
      <c r="L28" s="1" t="s">
        <v>34</v>
      </c>
      <c r="N28" s="1" t="s">
        <v>35</v>
      </c>
      <c r="O28" s="1" t="s">
        <v>278</v>
      </c>
      <c r="P28" s="1" t="s">
        <v>37</v>
      </c>
      <c r="Q28" s="1" t="s">
        <v>186</v>
      </c>
      <c r="R28" s="1" t="s">
        <v>220</v>
      </c>
      <c r="S28" s="1" t="s">
        <v>83</v>
      </c>
      <c r="T28" s="1" t="s">
        <v>41</v>
      </c>
      <c r="U28" s="1">
        <v>7.6</v>
      </c>
      <c r="V28" s="4">
        <v>3300</v>
      </c>
      <c r="W28" s="1"/>
      <c r="X28" s="1">
        <v>5.9</v>
      </c>
      <c r="Y28" s="1">
        <v>0.36</v>
      </c>
      <c r="Z28" s="1">
        <v>1.4999999999999999E-2</v>
      </c>
      <c r="AA28" t="s">
        <v>926</v>
      </c>
      <c r="AB28" t="s">
        <v>940</v>
      </c>
      <c r="AC28" s="1" t="s">
        <v>881</v>
      </c>
      <c r="AD28" s="1" t="s">
        <v>882</v>
      </c>
      <c r="AE28" s="1" t="s">
        <v>883</v>
      </c>
      <c r="AF28" s="1" t="s">
        <v>884</v>
      </c>
      <c r="AG28" s="1" t="s">
        <v>883</v>
      </c>
      <c r="AH28" s="1" t="s">
        <v>883</v>
      </c>
      <c r="AI28" s="1"/>
      <c r="AJ28" s="1"/>
      <c r="AK28" s="1"/>
      <c r="AL28" s="1" t="s">
        <v>888</v>
      </c>
      <c r="AM28" s="1"/>
      <c r="AN28" s="1"/>
      <c r="AO28" s="1"/>
      <c r="AP28" t="s">
        <v>888</v>
      </c>
      <c r="AQ28" s="1"/>
      <c r="AR28" s="1" t="s">
        <v>888</v>
      </c>
      <c r="AS28" s="1" t="s">
        <v>888</v>
      </c>
      <c r="AT28" s="1"/>
      <c r="AU28" s="1"/>
      <c r="AV28" s="1"/>
      <c r="AW28" s="1"/>
      <c r="AX28" s="1"/>
      <c r="AY28" s="1"/>
      <c r="AZ28" s="1" t="s">
        <v>893</v>
      </c>
      <c r="BA28" s="1">
        <v>3.5999999999999997E-2</v>
      </c>
      <c r="BB28" s="1">
        <v>0.16</v>
      </c>
      <c r="BC28" s="1">
        <v>4.2</v>
      </c>
      <c r="BD28" s="1">
        <v>4.3</v>
      </c>
      <c r="BF28" s="1" t="s">
        <v>885</v>
      </c>
      <c r="BG28" s="1">
        <v>1.8E-3</v>
      </c>
      <c r="BH28" s="1" t="s">
        <v>884</v>
      </c>
      <c r="BI28" s="1" t="s">
        <v>882</v>
      </c>
      <c r="BJ28" s="1"/>
      <c r="BK28" s="1"/>
      <c r="BL28" s="1"/>
      <c r="BM28" s="1" t="s">
        <v>900</v>
      </c>
      <c r="BN28" s="1">
        <v>0.31</v>
      </c>
      <c r="BO28" s="1">
        <v>32</v>
      </c>
      <c r="BP28" s="1">
        <v>18</v>
      </c>
      <c r="BQ28" s="1"/>
      <c r="BR28" s="1" t="s">
        <v>90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70833333333333337</v>
      </c>
      <c r="C29" s="1" t="s">
        <v>855</v>
      </c>
      <c r="D29" s="1" t="s">
        <v>85</v>
      </c>
      <c r="E29" s="1" t="s">
        <v>28</v>
      </c>
      <c r="F29" s="1" t="s">
        <v>107</v>
      </c>
      <c r="G29" s="1" t="s">
        <v>375</v>
      </c>
      <c r="H29" s="1" t="s">
        <v>441</v>
      </c>
      <c r="I29" s="1" t="s">
        <v>522</v>
      </c>
      <c r="J29" s="1" t="s">
        <v>72</v>
      </c>
      <c r="K29" s="1" t="s">
        <v>184</v>
      </c>
      <c r="L29" s="1" t="s">
        <v>34</v>
      </c>
      <c r="N29" s="1" t="s">
        <v>35</v>
      </c>
      <c r="O29" s="1" t="s">
        <v>278</v>
      </c>
      <c r="P29" s="1" t="s">
        <v>37</v>
      </c>
      <c r="Q29" s="1" t="s">
        <v>186</v>
      </c>
      <c r="R29" s="1" t="s">
        <v>173</v>
      </c>
      <c r="S29" s="1" t="s">
        <v>163</v>
      </c>
      <c r="T29" s="1" t="s">
        <v>41</v>
      </c>
      <c r="U29" s="1">
        <v>7.3</v>
      </c>
      <c r="V29" s="1"/>
      <c r="W29" s="1"/>
      <c r="X29" s="1"/>
      <c r="Y29" s="1"/>
      <c r="Z29" s="1"/>
      <c r="AA29" t="s">
        <v>928</v>
      </c>
      <c r="AB29" t="s">
        <v>928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33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375</v>
      </c>
      <c r="C30" s="1" t="s">
        <v>855</v>
      </c>
      <c r="D30" s="1" t="s">
        <v>85</v>
      </c>
      <c r="E30" s="1" t="s">
        <v>28</v>
      </c>
      <c r="F30" s="1" t="s">
        <v>202</v>
      </c>
      <c r="G30" s="1" t="s">
        <v>106</v>
      </c>
      <c r="H30" s="1" t="s">
        <v>170</v>
      </c>
      <c r="I30" s="1" t="s">
        <v>523</v>
      </c>
      <c r="J30" s="1" t="s">
        <v>207</v>
      </c>
      <c r="K30" s="1" t="s">
        <v>169</v>
      </c>
      <c r="L30" s="1" t="s">
        <v>34</v>
      </c>
      <c r="N30" s="1" t="s">
        <v>35</v>
      </c>
      <c r="O30" s="1" t="s">
        <v>278</v>
      </c>
      <c r="P30" s="1" t="s">
        <v>37</v>
      </c>
      <c r="Q30" s="1" t="s">
        <v>186</v>
      </c>
      <c r="R30" s="1" t="s">
        <v>122</v>
      </c>
      <c r="S30" s="1" t="s">
        <v>216</v>
      </c>
      <c r="T30" s="1" t="s">
        <v>60</v>
      </c>
      <c r="U30" s="1">
        <v>7.1</v>
      </c>
      <c r="V30" s="1"/>
      <c r="W30" s="1"/>
      <c r="X30" s="1">
        <v>6.7</v>
      </c>
      <c r="Y30" s="1">
        <v>0.44</v>
      </c>
      <c r="Z30" s="1"/>
      <c r="AA30" t="s">
        <v>928</v>
      </c>
      <c r="AB30" t="s">
        <v>928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32</v>
      </c>
      <c r="BP30" s="1">
        <v>18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66</v>
      </c>
      <c r="B31" s="2">
        <v>0.1875</v>
      </c>
      <c r="C31" s="1" t="s">
        <v>855</v>
      </c>
      <c r="D31" s="1" t="s">
        <v>85</v>
      </c>
      <c r="E31" s="1" t="s">
        <v>28</v>
      </c>
      <c r="F31" s="1" t="s">
        <v>250</v>
      </c>
      <c r="G31" s="1" t="s">
        <v>202</v>
      </c>
      <c r="H31" s="1" t="s">
        <v>387</v>
      </c>
      <c r="I31" s="1" t="s">
        <v>524</v>
      </c>
      <c r="J31" s="1" t="s">
        <v>44</v>
      </c>
      <c r="K31" s="1" t="s">
        <v>254</v>
      </c>
      <c r="L31" s="1" t="s">
        <v>34</v>
      </c>
      <c r="N31" s="1" t="s">
        <v>35</v>
      </c>
      <c r="O31" s="1" t="s">
        <v>278</v>
      </c>
      <c r="P31" s="1" t="s">
        <v>37</v>
      </c>
      <c r="Q31" s="1" t="s">
        <v>186</v>
      </c>
      <c r="R31" s="1" t="s">
        <v>196</v>
      </c>
      <c r="S31" s="1" t="s">
        <v>83</v>
      </c>
      <c r="T31" s="1" t="s">
        <v>41</v>
      </c>
      <c r="U31" s="1">
        <v>6.6</v>
      </c>
      <c r="V31" s="1"/>
      <c r="W31" s="1"/>
      <c r="X31" s="1"/>
      <c r="Y31" s="1"/>
      <c r="Z31" s="1"/>
      <c r="AA31" t="s">
        <v>928</v>
      </c>
      <c r="AB31" t="s">
        <v>928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33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68</v>
      </c>
      <c r="B32" s="2">
        <v>0.4375</v>
      </c>
      <c r="C32" s="1" t="s">
        <v>855</v>
      </c>
      <c r="D32" s="1" t="s">
        <v>27</v>
      </c>
      <c r="E32" s="1" t="s">
        <v>474</v>
      </c>
      <c r="F32" s="1" t="s">
        <v>61</v>
      </c>
      <c r="G32" s="1" t="s">
        <v>250</v>
      </c>
      <c r="H32" s="1" t="s">
        <v>170</v>
      </c>
      <c r="I32" s="1" t="s">
        <v>525</v>
      </c>
      <c r="J32" s="1" t="s">
        <v>207</v>
      </c>
      <c r="K32" s="1" t="s">
        <v>225</v>
      </c>
      <c r="L32" s="1" t="s">
        <v>34</v>
      </c>
      <c r="N32" s="1" t="s">
        <v>35</v>
      </c>
      <c r="O32" s="1" t="s">
        <v>278</v>
      </c>
      <c r="P32" s="1" t="s">
        <v>37</v>
      </c>
      <c r="Q32" s="1" t="s">
        <v>191</v>
      </c>
      <c r="R32" s="1" t="s">
        <v>89</v>
      </c>
      <c r="S32" s="1" t="s">
        <v>157</v>
      </c>
      <c r="T32" s="1" t="s">
        <v>129</v>
      </c>
      <c r="U32" s="1">
        <v>7.2</v>
      </c>
      <c r="V32" s="4">
        <v>7900</v>
      </c>
      <c r="W32" s="1"/>
      <c r="X32" s="1">
        <v>6.5</v>
      </c>
      <c r="Y32" s="1">
        <v>0.54</v>
      </c>
      <c r="Z32" s="1">
        <v>2.5000000000000001E-2</v>
      </c>
      <c r="AA32" t="s">
        <v>926</v>
      </c>
      <c r="AB32" t="s">
        <v>941</v>
      </c>
      <c r="AC32" s="1" t="s">
        <v>881</v>
      </c>
      <c r="AD32" s="1" t="s">
        <v>882</v>
      </c>
      <c r="AE32" s="1">
        <v>5.9999999999999995E-4</v>
      </c>
      <c r="AF32" s="1" t="s">
        <v>884</v>
      </c>
      <c r="AG32" s="1" t="s">
        <v>883</v>
      </c>
      <c r="AH32" s="1" t="s">
        <v>883</v>
      </c>
      <c r="AI32" s="1"/>
      <c r="AJ32" s="1"/>
      <c r="AK32" s="1"/>
      <c r="AL32" s="1" t="s">
        <v>888</v>
      </c>
      <c r="AM32" s="1"/>
      <c r="AN32" s="1"/>
      <c r="AO32" s="1"/>
      <c r="AP32" t="s">
        <v>888</v>
      </c>
      <c r="AQ32" s="1"/>
      <c r="AR32" s="1" t="s">
        <v>888</v>
      </c>
      <c r="AS32" s="1" t="s">
        <v>888</v>
      </c>
      <c r="AT32" s="1"/>
      <c r="AU32" s="1"/>
      <c r="AV32" s="1"/>
      <c r="AW32" s="1"/>
      <c r="AX32" s="1"/>
      <c r="AY32" s="1"/>
      <c r="AZ32" s="1"/>
      <c r="BA32" s="1"/>
      <c r="BB32" s="1">
        <v>0.33</v>
      </c>
      <c r="BC32" s="1">
        <v>3.9</v>
      </c>
      <c r="BD32" s="1">
        <v>4.2</v>
      </c>
      <c r="BF32" s="1"/>
      <c r="BG32" s="1"/>
      <c r="BH32" s="1"/>
      <c r="BI32" s="1"/>
      <c r="BJ32" s="1"/>
      <c r="BK32" s="1"/>
      <c r="BL32" s="1"/>
      <c r="BM32" s="1">
        <v>7.0000000000000007E-2</v>
      </c>
      <c r="BN32" s="1">
        <v>0.48</v>
      </c>
      <c r="BO32" s="1">
        <v>35</v>
      </c>
      <c r="BP32" s="1">
        <v>22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9444444444444453</v>
      </c>
      <c r="C33" s="1" t="s">
        <v>855</v>
      </c>
      <c r="D33" s="1" t="s">
        <v>27</v>
      </c>
      <c r="E33" s="1" t="s">
        <v>474</v>
      </c>
      <c r="F33" s="1" t="s">
        <v>118</v>
      </c>
      <c r="G33" s="1" t="s">
        <v>249</v>
      </c>
      <c r="H33" s="1" t="s">
        <v>94</v>
      </c>
      <c r="I33" s="1" t="s">
        <v>526</v>
      </c>
      <c r="J33" s="1" t="s">
        <v>228</v>
      </c>
      <c r="K33" s="1" t="s">
        <v>527</v>
      </c>
      <c r="L33" s="1" t="s">
        <v>34</v>
      </c>
      <c r="N33" s="1" t="s">
        <v>35</v>
      </c>
      <c r="O33" s="1" t="s">
        <v>278</v>
      </c>
      <c r="P33" s="1" t="s">
        <v>37</v>
      </c>
      <c r="Q33" s="1" t="s">
        <v>145</v>
      </c>
      <c r="R33" s="1" t="s">
        <v>297</v>
      </c>
      <c r="S33" s="1" t="s">
        <v>347</v>
      </c>
      <c r="T33" s="1" t="s">
        <v>286</v>
      </c>
      <c r="U33" s="1">
        <v>7.4</v>
      </c>
      <c r="V33" s="1"/>
      <c r="W33" s="1"/>
      <c r="X33" s="1"/>
      <c r="Y33" s="1"/>
      <c r="Z33" s="1"/>
      <c r="AA33" t="s">
        <v>928</v>
      </c>
      <c r="AB33" t="s">
        <v>928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31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375</v>
      </c>
      <c r="C34" s="1" t="s">
        <v>855</v>
      </c>
      <c r="D34" s="1" t="s">
        <v>27</v>
      </c>
      <c r="E34" s="1" t="s">
        <v>474</v>
      </c>
      <c r="F34" s="1" t="s">
        <v>274</v>
      </c>
      <c r="G34" s="1" t="s">
        <v>29</v>
      </c>
      <c r="H34" s="1" t="s">
        <v>177</v>
      </c>
      <c r="I34" s="1" t="s">
        <v>528</v>
      </c>
      <c r="J34" s="1" t="s">
        <v>207</v>
      </c>
      <c r="K34" s="1" t="s">
        <v>225</v>
      </c>
      <c r="L34" s="1" t="s">
        <v>34</v>
      </c>
      <c r="N34" s="1" t="s">
        <v>35</v>
      </c>
      <c r="O34" s="1" t="s">
        <v>278</v>
      </c>
      <c r="P34" s="1" t="s">
        <v>37</v>
      </c>
      <c r="Q34" s="1" t="s">
        <v>191</v>
      </c>
      <c r="R34" s="1" t="s">
        <v>529</v>
      </c>
      <c r="S34" s="1" t="s">
        <v>287</v>
      </c>
      <c r="T34" s="1" t="s">
        <v>68</v>
      </c>
      <c r="U34" s="1">
        <v>6.5</v>
      </c>
      <c r="V34" s="1"/>
      <c r="W34" s="1"/>
      <c r="X34" s="1">
        <v>7.8</v>
      </c>
      <c r="Y34" s="1">
        <v>0.69</v>
      </c>
      <c r="Z34" s="1"/>
      <c r="AA34" t="s">
        <v>928</v>
      </c>
      <c r="AB34" t="s">
        <v>928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33</v>
      </c>
      <c r="BP34" s="1">
        <v>24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72</v>
      </c>
      <c r="B35" s="2">
        <v>0.1875</v>
      </c>
      <c r="C35" s="1" t="s">
        <v>855</v>
      </c>
      <c r="D35" s="1" t="s">
        <v>27</v>
      </c>
      <c r="E35" s="1" t="s">
        <v>474</v>
      </c>
      <c r="F35" s="1" t="s">
        <v>117</v>
      </c>
      <c r="G35" s="1" t="s">
        <v>167</v>
      </c>
      <c r="H35" s="1" t="s">
        <v>73</v>
      </c>
      <c r="I35" s="1" t="s">
        <v>459</v>
      </c>
      <c r="J35" s="1" t="s">
        <v>47</v>
      </c>
      <c r="K35" s="1" t="s">
        <v>215</v>
      </c>
      <c r="L35" s="1" t="s">
        <v>34</v>
      </c>
      <c r="N35" s="1" t="s">
        <v>35</v>
      </c>
      <c r="O35" s="1" t="s">
        <v>278</v>
      </c>
      <c r="P35" s="1" t="s">
        <v>37</v>
      </c>
      <c r="Q35" s="1" t="s">
        <v>191</v>
      </c>
      <c r="R35" s="1" t="s">
        <v>444</v>
      </c>
      <c r="S35" s="1" t="s">
        <v>297</v>
      </c>
      <c r="T35" s="1" t="s">
        <v>41</v>
      </c>
      <c r="U35" s="1">
        <v>6.6</v>
      </c>
      <c r="V35" s="1"/>
      <c r="W35" s="1"/>
      <c r="X35" s="1"/>
      <c r="Y35" s="1"/>
      <c r="Z35" s="1"/>
      <c r="AA35" t="s">
        <v>928</v>
      </c>
      <c r="AB35" t="s">
        <v>928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33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37</v>
      </c>
      <c r="B36" s="2">
        <v>0.4375</v>
      </c>
      <c r="C36" s="1" t="s">
        <v>855</v>
      </c>
      <c r="D36" s="1" t="s">
        <v>27</v>
      </c>
      <c r="E36" s="1" t="s">
        <v>856</v>
      </c>
      <c r="F36" s="1" t="s">
        <v>249</v>
      </c>
      <c r="G36" s="1" t="s">
        <v>249</v>
      </c>
      <c r="H36" s="1" t="s">
        <v>234</v>
      </c>
      <c r="I36" s="1" t="s">
        <v>530</v>
      </c>
      <c r="J36" s="1" t="s">
        <v>72</v>
      </c>
      <c r="K36" s="1" t="s">
        <v>243</v>
      </c>
      <c r="L36" s="1" t="s">
        <v>127</v>
      </c>
      <c r="N36" s="1" t="s">
        <v>35</v>
      </c>
      <c r="O36" s="1" t="s">
        <v>278</v>
      </c>
      <c r="P36" s="1" t="s">
        <v>37</v>
      </c>
      <c r="Q36" s="1" t="s">
        <v>145</v>
      </c>
      <c r="R36" s="1" t="s">
        <v>141</v>
      </c>
      <c r="S36" s="1" t="s">
        <v>415</v>
      </c>
      <c r="T36" s="1" t="s">
        <v>409</v>
      </c>
      <c r="U36" s="1">
        <v>7</v>
      </c>
      <c r="V36" s="4">
        <v>23000</v>
      </c>
      <c r="W36" s="1"/>
      <c r="X36" s="1">
        <v>8.3000000000000007</v>
      </c>
      <c r="Y36" s="1">
        <v>0.95</v>
      </c>
      <c r="Z36" s="1">
        <v>2.5999999999999999E-2</v>
      </c>
      <c r="AA36" t="s">
        <v>926</v>
      </c>
      <c r="AB36" t="s">
        <v>938</v>
      </c>
      <c r="AC36" s="1" t="s">
        <v>881</v>
      </c>
      <c r="AD36" s="1" t="s">
        <v>882</v>
      </c>
      <c r="AE36" s="1" t="s">
        <v>883</v>
      </c>
      <c r="AF36" s="1" t="s">
        <v>884</v>
      </c>
      <c r="AG36" s="1" t="s">
        <v>883</v>
      </c>
      <c r="AH36" s="1" t="s">
        <v>883</v>
      </c>
      <c r="AI36" s="1"/>
      <c r="AJ36" s="1"/>
      <c r="AK36" s="1"/>
      <c r="AL36" s="1" t="s">
        <v>888</v>
      </c>
      <c r="AM36" s="1"/>
      <c r="AN36" s="1"/>
      <c r="AO36" s="1"/>
      <c r="AP36" t="s">
        <v>888</v>
      </c>
      <c r="AQ36" s="1"/>
      <c r="AR36" s="1" t="s">
        <v>888</v>
      </c>
      <c r="AS36" s="1" t="s">
        <v>888</v>
      </c>
      <c r="AT36" s="1"/>
      <c r="AU36" s="1"/>
      <c r="AV36" s="1"/>
      <c r="AW36" s="1"/>
      <c r="AX36" s="1"/>
      <c r="AY36" s="1"/>
      <c r="AZ36" s="1" t="s">
        <v>893</v>
      </c>
      <c r="BA36" s="1">
        <v>4.2000000000000003E-2</v>
      </c>
      <c r="BB36" s="1">
        <v>0.67</v>
      </c>
      <c r="BC36" s="1">
        <v>5.3</v>
      </c>
      <c r="BD36" s="1">
        <v>5.9</v>
      </c>
      <c r="BF36" s="1" t="s">
        <v>885</v>
      </c>
      <c r="BG36" s="1">
        <v>3.7000000000000002E-3</v>
      </c>
      <c r="BH36" s="1" t="s">
        <v>884</v>
      </c>
      <c r="BI36" s="1" t="s">
        <v>882</v>
      </c>
      <c r="BJ36" s="1"/>
      <c r="BK36" s="1"/>
      <c r="BL36" s="1"/>
      <c r="BM36" s="1" t="s">
        <v>900</v>
      </c>
      <c r="BN36" s="1">
        <v>0.85</v>
      </c>
      <c r="BO36" s="1">
        <v>36</v>
      </c>
      <c r="BP36" s="1">
        <v>28</v>
      </c>
      <c r="BQ36" s="1"/>
      <c r="BR36" s="1" t="s">
        <v>90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9791666666666663</v>
      </c>
      <c r="C37" s="1" t="s">
        <v>855</v>
      </c>
      <c r="D37" s="1" t="s">
        <v>85</v>
      </c>
      <c r="E37" s="1" t="s">
        <v>856</v>
      </c>
      <c r="F37" s="1" t="s">
        <v>167</v>
      </c>
      <c r="G37" s="1" t="s">
        <v>249</v>
      </c>
      <c r="H37" s="1" t="s">
        <v>94</v>
      </c>
      <c r="I37" s="1" t="s">
        <v>531</v>
      </c>
      <c r="J37" s="1" t="s">
        <v>55</v>
      </c>
      <c r="K37" s="1" t="s">
        <v>204</v>
      </c>
      <c r="L37" s="1" t="s">
        <v>34</v>
      </c>
      <c r="N37" s="1" t="s">
        <v>35</v>
      </c>
      <c r="O37" s="1" t="s">
        <v>278</v>
      </c>
      <c r="P37" s="1" t="s">
        <v>37</v>
      </c>
      <c r="Q37" s="1" t="s">
        <v>186</v>
      </c>
      <c r="R37" s="1" t="s">
        <v>465</v>
      </c>
      <c r="S37" s="1" t="s">
        <v>314</v>
      </c>
      <c r="T37" s="1" t="s">
        <v>174</v>
      </c>
      <c r="U37" s="1">
        <v>6.9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36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375</v>
      </c>
      <c r="C38" s="1" t="s">
        <v>855</v>
      </c>
      <c r="D38" s="1" t="s">
        <v>85</v>
      </c>
      <c r="E38" s="1" t="s">
        <v>856</v>
      </c>
      <c r="F38" s="1" t="s">
        <v>176</v>
      </c>
      <c r="G38" s="1" t="s">
        <v>203</v>
      </c>
      <c r="H38" s="1" t="s">
        <v>184</v>
      </c>
      <c r="I38" s="1" t="s">
        <v>460</v>
      </c>
      <c r="J38" s="1" t="s">
        <v>72</v>
      </c>
      <c r="K38" s="1" t="s">
        <v>243</v>
      </c>
      <c r="L38" s="1" t="s">
        <v>34</v>
      </c>
      <c r="N38" s="1" t="s">
        <v>35</v>
      </c>
      <c r="O38" s="1" t="s">
        <v>278</v>
      </c>
      <c r="P38" s="1" t="s">
        <v>37</v>
      </c>
      <c r="Q38" s="1" t="s">
        <v>191</v>
      </c>
      <c r="R38" s="1" t="s">
        <v>314</v>
      </c>
      <c r="S38" s="1" t="s">
        <v>323</v>
      </c>
      <c r="T38" s="1" t="s">
        <v>60</v>
      </c>
      <c r="U38" s="1">
        <v>6.6</v>
      </c>
      <c r="V38" s="1"/>
      <c r="W38" s="1"/>
      <c r="X38" s="1">
        <v>8.5</v>
      </c>
      <c r="Y38" s="1">
        <v>0.83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36</v>
      </c>
      <c r="BP38" s="1">
        <v>27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84</v>
      </c>
      <c r="B39" s="2">
        <v>0.1875</v>
      </c>
      <c r="C39" s="1" t="s">
        <v>855</v>
      </c>
      <c r="D39" s="1" t="s">
        <v>85</v>
      </c>
      <c r="E39" s="1" t="s">
        <v>856</v>
      </c>
      <c r="F39" s="1" t="s">
        <v>130</v>
      </c>
      <c r="G39" s="1" t="s">
        <v>42</v>
      </c>
      <c r="H39" s="1" t="s">
        <v>132</v>
      </c>
      <c r="I39" s="1" t="s">
        <v>526</v>
      </c>
      <c r="J39" s="1" t="s">
        <v>55</v>
      </c>
      <c r="K39" s="1" t="s">
        <v>204</v>
      </c>
      <c r="L39" s="1" t="s">
        <v>34</v>
      </c>
      <c r="N39" s="1" t="s">
        <v>35</v>
      </c>
      <c r="O39" s="1" t="s">
        <v>278</v>
      </c>
      <c r="P39" s="1" t="s">
        <v>37</v>
      </c>
      <c r="Q39" s="1" t="s">
        <v>145</v>
      </c>
      <c r="R39" s="1" t="s">
        <v>348</v>
      </c>
      <c r="S39" s="1" t="s">
        <v>314</v>
      </c>
      <c r="T39" s="1" t="s">
        <v>68</v>
      </c>
      <c r="U39" s="1">
        <v>7.5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35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44</v>
      </c>
      <c r="B40" s="2">
        <v>0.4375</v>
      </c>
      <c r="C40" s="1" t="s">
        <v>855</v>
      </c>
      <c r="D40" s="1" t="s">
        <v>27</v>
      </c>
      <c r="E40" s="1" t="s">
        <v>28</v>
      </c>
      <c r="F40" s="1" t="s">
        <v>415</v>
      </c>
      <c r="G40" s="1" t="s">
        <v>130</v>
      </c>
      <c r="H40" s="1" t="s">
        <v>208</v>
      </c>
      <c r="I40" s="1" t="s">
        <v>447</v>
      </c>
      <c r="J40" s="1" t="s">
        <v>207</v>
      </c>
      <c r="K40" s="1" t="s">
        <v>225</v>
      </c>
      <c r="L40" s="1" t="s">
        <v>34</v>
      </c>
      <c r="N40" s="1" t="s">
        <v>35</v>
      </c>
      <c r="O40" s="1" t="s">
        <v>278</v>
      </c>
      <c r="P40" s="1" t="s">
        <v>37</v>
      </c>
      <c r="Q40" s="1" t="s">
        <v>186</v>
      </c>
      <c r="R40" s="1" t="s">
        <v>415</v>
      </c>
      <c r="S40" s="1" t="s">
        <v>394</v>
      </c>
      <c r="T40" s="1" t="s">
        <v>286</v>
      </c>
      <c r="U40" s="1">
        <v>7.8</v>
      </c>
      <c r="V40" s="4">
        <v>1700</v>
      </c>
      <c r="W40" s="1"/>
      <c r="X40" s="1">
        <v>10</v>
      </c>
      <c r="Y40" s="1">
        <v>1.2</v>
      </c>
      <c r="Z40" s="1">
        <v>2.9000000000000001E-2</v>
      </c>
      <c r="AA40" t="s">
        <v>926</v>
      </c>
      <c r="AB40" t="s">
        <v>942</v>
      </c>
      <c r="AC40" s="1" t="s">
        <v>881</v>
      </c>
      <c r="AD40" s="1" t="s">
        <v>882</v>
      </c>
      <c r="AE40" s="1" t="s">
        <v>883</v>
      </c>
      <c r="AF40" s="1" t="s">
        <v>884</v>
      </c>
      <c r="AG40" s="1" t="s">
        <v>883</v>
      </c>
      <c r="AH40" s="1" t="s">
        <v>883</v>
      </c>
      <c r="AI40" s="1"/>
      <c r="AJ40" s="1"/>
      <c r="AK40" s="1"/>
      <c r="AL40" s="1" t="s">
        <v>888</v>
      </c>
      <c r="AM40" s="1"/>
      <c r="AN40" s="1"/>
      <c r="AO40" s="1"/>
      <c r="AP40" t="s">
        <v>888</v>
      </c>
      <c r="AQ40" s="1"/>
      <c r="AR40" s="1" t="s">
        <v>888</v>
      </c>
      <c r="AS40" s="1" t="s">
        <v>888</v>
      </c>
      <c r="AT40" s="1"/>
      <c r="AU40" s="1"/>
      <c r="AV40" s="1"/>
      <c r="AW40" s="1"/>
      <c r="AX40" s="1"/>
      <c r="AY40" s="1"/>
      <c r="AZ40" s="1"/>
      <c r="BA40" s="1"/>
      <c r="BB40" s="1">
        <v>0.41</v>
      </c>
      <c r="BC40" s="1">
        <v>6.5</v>
      </c>
      <c r="BD40" s="1">
        <v>6.9</v>
      </c>
      <c r="BF40" s="1"/>
      <c r="BG40" s="1"/>
      <c r="BH40" s="1"/>
      <c r="BI40" s="1"/>
      <c r="BJ40" s="1"/>
      <c r="BK40" s="1"/>
      <c r="BL40" s="1"/>
      <c r="BM40" s="1">
        <v>0.64</v>
      </c>
      <c r="BN40" s="1">
        <v>1</v>
      </c>
      <c r="BO40" s="1">
        <v>44</v>
      </c>
      <c r="BP40" s="1">
        <v>33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70833333333333337</v>
      </c>
      <c r="C41" s="1" t="s">
        <v>855</v>
      </c>
      <c r="D41" s="1" t="s">
        <v>27</v>
      </c>
      <c r="E41" s="1" t="s">
        <v>28</v>
      </c>
      <c r="F41" s="1" t="s">
        <v>287</v>
      </c>
      <c r="G41" s="1" t="s">
        <v>166</v>
      </c>
      <c r="H41" s="1" t="s">
        <v>73</v>
      </c>
      <c r="I41" s="1" t="s">
        <v>343</v>
      </c>
      <c r="J41" s="1" t="s">
        <v>160</v>
      </c>
      <c r="K41" s="1" t="s">
        <v>339</v>
      </c>
      <c r="L41" s="1" t="s">
        <v>34</v>
      </c>
      <c r="N41" s="1" t="s">
        <v>35</v>
      </c>
      <c r="O41" s="1" t="s">
        <v>278</v>
      </c>
      <c r="P41" s="1" t="s">
        <v>37</v>
      </c>
      <c r="Q41" s="1" t="s">
        <v>186</v>
      </c>
      <c r="R41" s="1" t="s">
        <v>147</v>
      </c>
      <c r="S41" s="1" t="s">
        <v>314</v>
      </c>
      <c r="T41" s="1" t="s">
        <v>68</v>
      </c>
      <c r="U41" s="1">
        <v>8.3000000000000007</v>
      </c>
      <c r="V41" s="1"/>
      <c r="W41" s="1"/>
      <c r="X41" s="1"/>
      <c r="Y41" s="1"/>
      <c r="Z41" s="1"/>
      <c r="AA41" t="s">
        <v>928</v>
      </c>
      <c r="AB41" t="s">
        <v>928</v>
      </c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38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375</v>
      </c>
      <c r="C42" s="1" t="s">
        <v>855</v>
      </c>
      <c r="D42" s="1" t="s">
        <v>27</v>
      </c>
      <c r="E42" s="1" t="s">
        <v>28</v>
      </c>
      <c r="F42" s="1" t="s">
        <v>226</v>
      </c>
      <c r="G42" s="1" t="s">
        <v>166</v>
      </c>
      <c r="H42" s="1" t="s">
        <v>355</v>
      </c>
      <c r="I42" s="1" t="s">
        <v>532</v>
      </c>
      <c r="J42" s="1" t="s">
        <v>44</v>
      </c>
      <c r="K42" s="1" t="s">
        <v>247</v>
      </c>
      <c r="L42" s="1" t="s">
        <v>34</v>
      </c>
      <c r="N42" s="1" t="s">
        <v>35</v>
      </c>
      <c r="O42" s="1" t="s">
        <v>278</v>
      </c>
      <c r="P42" s="1" t="s">
        <v>37</v>
      </c>
      <c r="Q42" s="1" t="s">
        <v>145</v>
      </c>
      <c r="R42" s="1" t="s">
        <v>313</v>
      </c>
      <c r="S42" s="1" t="s">
        <v>296</v>
      </c>
      <c r="T42" s="1" t="s">
        <v>68</v>
      </c>
      <c r="U42" s="1">
        <v>7.2</v>
      </c>
      <c r="V42" s="1"/>
      <c r="W42" s="1"/>
      <c r="X42" s="1">
        <v>11</v>
      </c>
      <c r="Y42" s="1">
        <v>1.2</v>
      </c>
      <c r="Z42" s="1"/>
      <c r="AA42" t="s">
        <v>928</v>
      </c>
      <c r="AB42" t="s">
        <v>928</v>
      </c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47</v>
      </c>
      <c r="BP42" s="1">
        <v>35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93</v>
      </c>
      <c r="B43" s="2">
        <v>0.1875</v>
      </c>
      <c r="C43" s="1" t="s">
        <v>855</v>
      </c>
      <c r="D43" s="1" t="s">
        <v>27</v>
      </c>
      <c r="E43" s="1" t="s">
        <v>28</v>
      </c>
      <c r="F43" s="1" t="s">
        <v>533</v>
      </c>
      <c r="G43" s="1" t="s">
        <v>534</v>
      </c>
      <c r="H43" s="1" t="s">
        <v>247</v>
      </c>
      <c r="I43" s="1" t="s">
        <v>535</v>
      </c>
      <c r="J43" s="1" t="s">
        <v>44</v>
      </c>
      <c r="K43" s="1" t="s">
        <v>254</v>
      </c>
      <c r="L43" s="1" t="s">
        <v>34</v>
      </c>
      <c r="N43" s="1" t="s">
        <v>35</v>
      </c>
      <c r="O43" s="1" t="s">
        <v>278</v>
      </c>
      <c r="P43" s="1" t="s">
        <v>37</v>
      </c>
      <c r="Q43" s="1" t="s">
        <v>145</v>
      </c>
      <c r="R43" s="1" t="s">
        <v>348</v>
      </c>
      <c r="S43" s="1" t="s">
        <v>408</v>
      </c>
      <c r="T43" s="1" t="s">
        <v>68</v>
      </c>
      <c r="U43" s="1">
        <v>7.6</v>
      </c>
      <c r="V43" s="1"/>
      <c r="W43" s="1"/>
      <c r="X43" s="1"/>
      <c r="Y43" s="1"/>
      <c r="Z43" s="1"/>
      <c r="AA43" t="s">
        <v>928</v>
      </c>
      <c r="AB43" t="s">
        <v>928</v>
      </c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34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95</v>
      </c>
      <c r="B44" s="2">
        <v>0.44444444444444442</v>
      </c>
      <c r="C44" s="1" t="s">
        <v>855</v>
      </c>
      <c r="D44" s="1" t="s">
        <v>85</v>
      </c>
      <c r="E44" s="1" t="s">
        <v>28</v>
      </c>
      <c r="F44" s="1" t="s">
        <v>452</v>
      </c>
      <c r="G44" s="1" t="s">
        <v>166</v>
      </c>
      <c r="H44" s="1" t="s">
        <v>100</v>
      </c>
      <c r="I44" s="1" t="s">
        <v>443</v>
      </c>
      <c r="J44" s="1" t="s">
        <v>119</v>
      </c>
      <c r="K44" s="1" t="s">
        <v>209</v>
      </c>
      <c r="L44" s="1" t="s">
        <v>34</v>
      </c>
      <c r="N44" s="1" t="s">
        <v>35</v>
      </c>
      <c r="O44" s="1" t="s">
        <v>278</v>
      </c>
      <c r="P44" s="1" t="s">
        <v>37</v>
      </c>
      <c r="Q44" s="1" t="s">
        <v>296</v>
      </c>
      <c r="R44" s="1" t="s">
        <v>49</v>
      </c>
      <c r="S44" s="1" t="s">
        <v>171</v>
      </c>
      <c r="T44" s="1" t="s">
        <v>129</v>
      </c>
      <c r="U44" s="1">
        <v>7.9</v>
      </c>
      <c r="V44" s="4">
        <v>4900</v>
      </c>
      <c r="W44" s="1" t="s">
        <v>887</v>
      </c>
      <c r="X44" s="1">
        <v>8.6999999999999993</v>
      </c>
      <c r="Y44" s="1">
        <v>0.71</v>
      </c>
      <c r="Z44" s="1">
        <v>2.9000000000000001E-2</v>
      </c>
      <c r="AA44" t="s">
        <v>926</v>
      </c>
      <c r="AB44" t="s">
        <v>943</v>
      </c>
      <c r="AC44" s="1" t="s">
        <v>881</v>
      </c>
      <c r="AD44" s="1" t="s">
        <v>882</v>
      </c>
      <c r="AE44" s="1" t="s">
        <v>883</v>
      </c>
      <c r="AF44" s="1" t="s">
        <v>884</v>
      </c>
      <c r="AG44" s="1" t="s">
        <v>883</v>
      </c>
      <c r="AH44" s="1" t="s">
        <v>883</v>
      </c>
      <c r="AI44" s="1"/>
      <c r="AJ44" s="1" t="s">
        <v>883</v>
      </c>
      <c r="AK44" s="1" t="s">
        <v>888</v>
      </c>
      <c r="AL44" s="1" t="s">
        <v>888</v>
      </c>
      <c r="AM44" s="1" t="s">
        <v>888</v>
      </c>
      <c r="AN44" s="1" t="s">
        <v>888</v>
      </c>
      <c r="AO44" s="1" t="s">
        <v>888</v>
      </c>
      <c r="AP44" t="s">
        <v>888</v>
      </c>
      <c r="AQ44" s="1" t="s">
        <v>888</v>
      </c>
      <c r="AR44" s="1" t="s">
        <v>888</v>
      </c>
      <c r="AS44" s="1" t="s">
        <v>888</v>
      </c>
      <c r="AT44" s="1" t="s">
        <v>896</v>
      </c>
      <c r="AU44" s="1"/>
      <c r="AV44" s="1"/>
      <c r="AW44" s="1"/>
      <c r="AX44" s="1" t="s">
        <v>888</v>
      </c>
      <c r="AY44" s="1" t="s">
        <v>883</v>
      </c>
      <c r="AZ44" s="1" t="s">
        <v>893</v>
      </c>
      <c r="BA44" s="1">
        <v>3.6999999999999998E-2</v>
      </c>
      <c r="BB44" s="1">
        <v>0.35</v>
      </c>
      <c r="BC44" s="1">
        <v>5.8</v>
      </c>
      <c r="BD44" s="1">
        <v>6.1</v>
      </c>
      <c r="BE44" t="s">
        <v>885</v>
      </c>
      <c r="BF44" s="1" t="s">
        <v>885</v>
      </c>
      <c r="BG44" s="1">
        <v>3.8999999999999998E-3</v>
      </c>
      <c r="BH44" s="1" t="s">
        <v>884</v>
      </c>
      <c r="BI44" s="1" t="s">
        <v>882</v>
      </c>
      <c r="BJ44" s="1" t="s">
        <v>884</v>
      </c>
      <c r="BK44" s="1"/>
      <c r="BL44" s="1">
        <v>1E-3</v>
      </c>
      <c r="BM44" s="1">
        <v>1.2</v>
      </c>
      <c r="BN44" s="1">
        <v>0.59</v>
      </c>
      <c r="BO44" s="1">
        <v>33</v>
      </c>
      <c r="BP44" s="1">
        <v>29</v>
      </c>
      <c r="BQ44" s="1"/>
      <c r="BR44" s="1" t="s">
        <v>901</v>
      </c>
      <c r="BS44" s="1" t="s">
        <v>885</v>
      </c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9444444444444453</v>
      </c>
      <c r="C45" s="1" t="s">
        <v>855</v>
      </c>
      <c r="D45" s="1" t="s">
        <v>85</v>
      </c>
      <c r="E45" s="1" t="s">
        <v>28</v>
      </c>
      <c r="F45" s="1" t="s">
        <v>81</v>
      </c>
      <c r="G45" s="1" t="s">
        <v>117</v>
      </c>
      <c r="H45" s="1" t="s">
        <v>254</v>
      </c>
      <c r="I45" s="1" t="s">
        <v>536</v>
      </c>
      <c r="J45" s="1" t="s">
        <v>44</v>
      </c>
      <c r="K45" s="1" t="s">
        <v>254</v>
      </c>
      <c r="L45" s="1" t="s">
        <v>34</v>
      </c>
      <c r="N45" s="1" t="s">
        <v>35</v>
      </c>
      <c r="O45" s="1" t="s">
        <v>278</v>
      </c>
      <c r="P45" s="1" t="s">
        <v>37</v>
      </c>
      <c r="Q45" s="1" t="s">
        <v>186</v>
      </c>
      <c r="R45" s="1" t="s">
        <v>376</v>
      </c>
      <c r="S45" s="1" t="s">
        <v>157</v>
      </c>
      <c r="T45" s="1" t="s">
        <v>286</v>
      </c>
      <c r="U45" s="1">
        <v>8.6999999999999993</v>
      </c>
      <c r="V45" s="1"/>
      <c r="W45" s="1"/>
      <c r="X45" s="1"/>
      <c r="Y45" s="1"/>
      <c r="Z45" s="1"/>
      <c r="AA45" t="s">
        <v>928</v>
      </c>
      <c r="AB45" t="s">
        <v>928</v>
      </c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35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375</v>
      </c>
      <c r="C46" s="1" t="s">
        <v>855</v>
      </c>
      <c r="D46" s="1" t="s">
        <v>85</v>
      </c>
      <c r="E46" s="1" t="s">
        <v>28</v>
      </c>
      <c r="F46" s="1" t="s">
        <v>452</v>
      </c>
      <c r="G46" s="1" t="s">
        <v>305</v>
      </c>
      <c r="H46" s="1" t="s">
        <v>189</v>
      </c>
      <c r="I46" s="1" t="s">
        <v>537</v>
      </c>
      <c r="J46" s="1" t="s">
        <v>72</v>
      </c>
      <c r="K46" s="1" t="s">
        <v>184</v>
      </c>
      <c r="L46" s="1" t="s">
        <v>34</v>
      </c>
      <c r="N46" s="1" t="s">
        <v>35</v>
      </c>
      <c r="O46" s="1" t="s">
        <v>278</v>
      </c>
      <c r="P46" s="1" t="s">
        <v>37</v>
      </c>
      <c r="Q46" s="1" t="s">
        <v>145</v>
      </c>
      <c r="R46" s="1" t="s">
        <v>296</v>
      </c>
      <c r="S46" s="1" t="s">
        <v>408</v>
      </c>
      <c r="T46" s="1" t="s">
        <v>286</v>
      </c>
      <c r="U46" s="1">
        <v>7.4</v>
      </c>
      <c r="V46" s="1"/>
      <c r="W46" s="1"/>
      <c r="X46" s="1">
        <v>9.6</v>
      </c>
      <c r="Y46" s="1">
        <v>0.91</v>
      </c>
      <c r="Z46" s="1"/>
      <c r="AA46" t="s">
        <v>928</v>
      </c>
      <c r="AB46" t="s">
        <v>928</v>
      </c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34</v>
      </c>
      <c r="BP46" s="1">
        <v>30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98</v>
      </c>
      <c r="B47" s="2">
        <v>0.1875</v>
      </c>
      <c r="C47" s="1" t="s">
        <v>855</v>
      </c>
      <c r="D47" s="1" t="s">
        <v>85</v>
      </c>
      <c r="E47" s="1" t="s">
        <v>28</v>
      </c>
      <c r="F47" s="1" t="s">
        <v>59</v>
      </c>
      <c r="G47" s="1" t="s">
        <v>166</v>
      </c>
      <c r="H47" s="1" t="s">
        <v>280</v>
      </c>
      <c r="I47" s="1" t="s">
        <v>538</v>
      </c>
      <c r="J47" s="1" t="s">
        <v>72</v>
      </c>
      <c r="K47" s="1" t="s">
        <v>223</v>
      </c>
      <c r="L47" s="1" t="s">
        <v>34</v>
      </c>
      <c r="N47" s="1" t="s">
        <v>35</v>
      </c>
      <c r="O47" s="1" t="s">
        <v>278</v>
      </c>
      <c r="P47" s="1" t="s">
        <v>37</v>
      </c>
      <c r="Q47" s="1" t="s">
        <v>191</v>
      </c>
      <c r="R47" s="1" t="s">
        <v>179</v>
      </c>
      <c r="S47" s="1" t="s">
        <v>210</v>
      </c>
      <c r="T47" s="1" t="s">
        <v>68</v>
      </c>
      <c r="U47" s="1">
        <v>6.5</v>
      </c>
      <c r="V47" s="1"/>
      <c r="W47" s="1"/>
      <c r="X47" s="1"/>
      <c r="Y47" s="1"/>
      <c r="Z47" s="1"/>
      <c r="AA47" t="s">
        <v>928</v>
      </c>
      <c r="AB47" t="s">
        <v>928</v>
      </c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35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8</v>
      </c>
      <c r="B48" s="2">
        <v>0.4375</v>
      </c>
      <c r="C48" s="1" t="s">
        <v>855</v>
      </c>
      <c r="D48" s="1" t="s">
        <v>85</v>
      </c>
      <c r="E48" s="1" t="s">
        <v>857</v>
      </c>
      <c r="F48" s="1" t="s">
        <v>539</v>
      </c>
      <c r="G48" s="1" t="s">
        <v>175</v>
      </c>
      <c r="H48" s="1" t="s">
        <v>265</v>
      </c>
      <c r="I48" s="1" t="s">
        <v>540</v>
      </c>
      <c r="J48" s="1" t="s">
        <v>79</v>
      </c>
      <c r="K48" s="1" t="s">
        <v>88</v>
      </c>
      <c r="L48" s="1" t="s">
        <v>34</v>
      </c>
      <c r="N48" s="1" t="s">
        <v>35</v>
      </c>
      <c r="O48" s="1" t="s">
        <v>278</v>
      </c>
      <c r="P48" s="1" t="s">
        <v>37</v>
      </c>
      <c r="Q48" s="1" t="s">
        <v>191</v>
      </c>
      <c r="R48" s="1" t="s">
        <v>186</v>
      </c>
      <c r="S48" s="1" t="s">
        <v>415</v>
      </c>
      <c r="T48" s="1" t="s">
        <v>286</v>
      </c>
      <c r="U48" s="1">
        <v>7.9</v>
      </c>
      <c r="V48" s="4">
        <v>4900</v>
      </c>
      <c r="W48" s="1"/>
      <c r="X48" s="1">
        <v>8.6</v>
      </c>
      <c r="Y48" s="1">
        <v>1</v>
      </c>
      <c r="Z48" s="1">
        <v>0.03</v>
      </c>
      <c r="AA48" t="s">
        <v>926</v>
      </c>
      <c r="AB48" t="s">
        <v>944</v>
      </c>
      <c r="AC48" s="1" t="s">
        <v>881</v>
      </c>
      <c r="AD48" s="1" t="s">
        <v>882</v>
      </c>
      <c r="AE48" s="1" t="s">
        <v>883</v>
      </c>
      <c r="AF48" s="1" t="s">
        <v>884</v>
      </c>
      <c r="AG48" s="1" t="s">
        <v>883</v>
      </c>
      <c r="AH48" s="1" t="s">
        <v>883</v>
      </c>
      <c r="AI48" s="1"/>
      <c r="AJ48" s="1"/>
      <c r="AK48" s="1"/>
      <c r="AL48" s="1" t="s">
        <v>888</v>
      </c>
      <c r="AM48" s="1"/>
      <c r="AN48" s="1"/>
      <c r="AO48" s="1"/>
      <c r="AP48" t="s">
        <v>888</v>
      </c>
      <c r="AQ48" s="1"/>
      <c r="AR48" s="1" t="s">
        <v>888</v>
      </c>
      <c r="AS48" s="1" t="s">
        <v>888</v>
      </c>
      <c r="AT48" s="1"/>
      <c r="AU48" s="1" t="s">
        <v>883</v>
      </c>
      <c r="AV48" s="1" t="s">
        <v>881</v>
      </c>
      <c r="AW48" s="1" t="s">
        <v>883</v>
      </c>
      <c r="AX48" s="1"/>
      <c r="AY48" s="1"/>
      <c r="AZ48" s="1"/>
      <c r="BA48" s="1"/>
      <c r="BB48" s="1">
        <v>0.36</v>
      </c>
      <c r="BC48" s="1">
        <v>5.8</v>
      </c>
      <c r="BD48" s="1">
        <v>6.1</v>
      </c>
      <c r="BF48" s="1"/>
      <c r="BG48" s="1"/>
      <c r="BH48" s="1"/>
      <c r="BI48" s="1"/>
      <c r="BJ48" s="1"/>
      <c r="BK48" s="1" t="s">
        <v>903</v>
      </c>
      <c r="BL48" s="1"/>
      <c r="BM48" s="1" t="s">
        <v>900</v>
      </c>
      <c r="BN48" s="1">
        <v>0.93</v>
      </c>
      <c r="BO48" s="1">
        <v>33</v>
      </c>
      <c r="BP48" s="1">
        <v>27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875</v>
      </c>
      <c r="C49" s="1" t="s">
        <v>855</v>
      </c>
      <c r="D49" s="1" t="s">
        <v>85</v>
      </c>
      <c r="E49" s="1" t="s">
        <v>857</v>
      </c>
      <c r="F49" s="1" t="s">
        <v>30</v>
      </c>
      <c r="G49" s="1" t="s">
        <v>114</v>
      </c>
      <c r="H49" s="1" t="s">
        <v>541</v>
      </c>
      <c r="I49" s="1" t="s">
        <v>542</v>
      </c>
      <c r="J49" s="1" t="s">
        <v>55</v>
      </c>
      <c r="K49" s="1" t="s">
        <v>520</v>
      </c>
      <c r="L49" s="1" t="s">
        <v>34</v>
      </c>
      <c r="N49" s="1" t="s">
        <v>35</v>
      </c>
      <c r="O49" s="1" t="s">
        <v>278</v>
      </c>
      <c r="P49" s="1" t="s">
        <v>37</v>
      </c>
      <c r="Q49" s="1" t="s">
        <v>191</v>
      </c>
      <c r="R49" s="1" t="s">
        <v>394</v>
      </c>
      <c r="S49" s="1" t="s">
        <v>157</v>
      </c>
      <c r="T49" s="1" t="s">
        <v>174</v>
      </c>
      <c r="U49" s="1">
        <v>8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31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375</v>
      </c>
      <c r="C50" s="1" t="s">
        <v>855</v>
      </c>
      <c r="D50" s="1" t="s">
        <v>164</v>
      </c>
      <c r="E50" s="1" t="s">
        <v>857</v>
      </c>
      <c r="F50" s="1" t="s">
        <v>404</v>
      </c>
      <c r="G50" s="1" t="s">
        <v>275</v>
      </c>
      <c r="H50" s="1" t="s">
        <v>189</v>
      </c>
      <c r="I50" s="1" t="s">
        <v>543</v>
      </c>
      <c r="J50" s="1" t="s">
        <v>79</v>
      </c>
      <c r="K50" s="1" t="s">
        <v>289</v>
      </c>
      <c r="L50" s="1" t="s">
        <v>34</v>
      </c>
      <c r="N50" s="1" t="s">
        <v>35</v>
      </c>
      <c r="O50" s="1" t="s">
        <v>278</v>
      </c>
      <c r="P50" s="1" t="s">
        <v>37</v>
      </c>
      <c r="Q50" s="1" t="s">
        <v>145</v>
      </c>
      <c r="R50" s="1" t="s">
        <v>394</v>
      </c>
      <c r="S50" s="1" t="s">
        <v>157</v>
      </c>
      <c r="T50" s="1" t="s">
        <v>68</v>
      </c>
      <c r="U50" s="1">
        <v>7.2</v>
      </c>
      <c r="V50" s="1"/>
      <c r="W50" s="1"/>
      <c r="X50" s="1">
        <v>8.4</v>
      </c>
      <c r="Y50" s="1">
        <v>0.85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35</v>
      </c>
      <c r="BP50" s="1">
        <v>28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06</v>
      </c>
      <c r="B51" s="2">
        <v>0.1875</v>
      </c>
      <c r="C51" s="1" t="s">
        <v>855</v>
      </c>
      <c r="D51" s="1" t="s">
        <v>164</v>
      </c>
      <c r="E51" s="1" t="s">
        <v>857</v>
      </c>
      <c r="F51" s="1" t="s">
        <v>134</v>
      </c>
      <c r="G51" s="1" t="s">
        <v>305</v>
      </c>
      <c r="H51" s="1" t="s">
        <v>498</v>
      </c>
      <c r="I51" s="1" t="s">
        <v>544</v>
      </c>
      <c r="J51" s="1" t="s">
        <v>55</v>
      </c>
      <c r="K51" s="1" t="s">
        <v>384</v>
      </c>
      <c r="L51" s="1" t="s">
        <v>34</v>
      </c>
      <c r="N51" s="1" t="s">
        <v>35</v>
      </c>
      <c r="O51" s="1" t="s">
        <v>278</v>
      </c>
      <c r="P51" s="1" t="s">
        <v>37</v>
      </c>
      <c r="Q51" s="1" t="s">
        <v>145</v>
      </c>
      <c r="R51" s="1" t="s">
        <v>348</v>
      </c>
      <c r="S51" s="1" t="s">
        <v>288</v>
      </c>
      <c r="T51" s="1" t="s">
        <v>182</v>
      </c>
      <c r="U51" s="1">
        <v>8.8000000000000007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22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5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45</v>
      </c>
      <c r="C1" s="1" t="s">
        <v>1</v>
      </c>
      <c r="D1" s="1" t="s">
        <v>865</v>
      </c>
      <c r="E1" s="1" t="s">
        <v>2</v>
      </c>
      <c r="F1" s="1" t="s">
        <v>866</v>
      </c>
      <c r="G1" s="1" t="s">
        <v>3</v>
      </c>
      <c r="H1" s="1" t="s">
        <v>86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3</v>
      </c>
      <c r="AB2" s="1" t="s">
        <v>925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7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666666666666669</v>
      </c>
      <c r="C4" s="1" t="s">
        <v>855</v>
      </c>
      <c r="D4" s="1" t="s">
        <v>164</v>
      </c>
      <c r="E4" s="1" t="s">
        <v>28</v>
      </c>
      <c r="F4" s="1" t="s">
        <v>43</v>
      </c>
      <c r="G4" s="1" t="s">
        <v>167</v>
      </c>
      <c r="H4" s="1" t="s">
        <v>63</v>
      </c>
      <c r="I4" s="1" t="s">
        <v>545</v>
      </c>
      <c r="J4" s="1" t="s">
        <v>309</v>
      </c>
      <c r="K4" s="1" t="s">
        <v>476</v>
      </c>
      <c r="L4" s="1" t="s">
        <v>34</v>
      </c>
      <c r="N4" s="1" t="s">
        <v>35</v>
      </c>
      <c r="O4" s="1" t="s">
        <v>278</v>
      </c>
      <c r="P4" s="1" t="s">
        <v>37</v>
      </c>
      <c r="Q4" s="1" t="s">
        <v>191</v>
      </c>
      <c r="R4" s="1" t="s">
        <v>173</v>
      </c>
      <c r="S4" s="1" t="s">
        <v>313</v>
      </c>
      <c r="T4" s="1" t="s">
        <v>60</v>
      </c>
      <c r="U4" s="1">
        <v>6.3</v>
      </c>
      <c r="V4" s="4">
        <v>17000</v>
      </c>
      <c r="W4" s="1"/>
      <c r="X4" s="1">
        <v>7.5</v>
      </c>
      <c r="Y4" s="1">
        <v>0.59</v>
      </c>
      <c r="Z4" s="1">
        <v>2.3E-2</v>
      </c>
      <c r="AA4" s="1" t="s">
        <v>926</v>
      </c>
      <c r="AB4" s="1" t="s">
        <v>945</v>
      </c>
      <c r="AC4" s="1" t="s">
        <v>881</v>
      </c>
      <c r="AD4" s="1" t="s">
        <v>882</v>
      </c>
      <c r="AE4" s="1" t="s">
        <v>883</v>
      </c>
      <c r="AF4" s="1" t="s">
        <v>884</v>
      </c>
      <c r="AG4" s="1" t="s">
        <v>883</v>
      </c>
      <c r="AH4" s="1" t="s">
        <v>883</v>
      </c>
      <c r="AI4" s="1"/>
      <c r="AJ4" s="1"/>
      <c r="AK4" s="1"/>
      <c r="AL4" s="1" t="s">
        <v>888</v>
      </c>
      <c r="AM4" s="1"/>
      <c r="AN4" s="1"/>
      <c r="AO4" s="1"/>
      <c r="AP4" t="s">
        <v>888</v>
      </c>
      <c r="AQ4" s="1"/>
      <c r="AR4" s="1" t="s">
        <v>888</v>
      </c>
      <c r="AS4" s="1" t="s">
        <v>888</v>
      </c>
      <c r="AT4" s="1"/>
      <c r="AU4" s="1"/>
      <c r="AV4" s="1"/>
      <c r="AW4" s="1"/>
      <c r="AX4" s="1"/>
      <c r="AY4" s="1"/>
      <c r="AZ4" s="1" t="s">
        <v>893</v>
      </c>
      <c r="BA4" s="1">
        <v>8.5999999999999993E-2</v>
      </c>
      <c r="BB4" s="1">
        <v>0.25</v>
      </c>
      <c r="BC4" s="1">
        <v>6</v>
      </c>
      <c r="BD4" s="1">
        <v>6.2</v>
      </c>
      <c r="BE4" s="1"/>
      <c r="BF4" s="1" t="s">
        <v>885</v>
      </c>
      <c r="BG4" s="1">
        <v>3.5999999999999999E-3</v>
      </c>
      <c r="BH4" s="1" t="s">
        <v>884</v>
      </c>
      <c r="BI4" s="1" t="s">
        <v>882</v>
      </c>
      <c r="BJ4" s="1"/>
      <c r="BK4" s="1"/>
      <c r="BL4" s="1"/>
      <c r="BM4" s="1">
        <v>0.72</v>
      </c>
      <c r="BN4" s="1">
        <v>0.56000000000000005</v>
      </c>
      <c r="BO4" s="1">
        <v>69</v>
      </c>
      <c r="BP4" s="1">
        <v>130</v>
      </c>
      <c r="BQ4" s="1"/>
      <c r="BR4" s="1" t="s">
        <v>90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6666666666666663</v>
      </c>
      <c r="C5" s="1" t="s">
        <v>855</v>
      </c>
      <c r="D5" s="1" t="s">
        <v>85</v>
      </c>
      <c r="E5" s="1" t="s">
        <v>28</v>
      </c>
      <c r="F5" s="1" t="s">
        <v>29</v>
      </c>
      <c r="G5" s="1" t="s">
        <v>29</v>
      </c>
      <c r="H5" s="1" t="s">
        <v>150</v>
      </c>
      <c r="I5" s="1" t="s">
        <v>546</v>
      </c>
      <c r="J5" s="1" t="s">
        <v>302</v>
      </c>
      <c r="K5" s="1" t="s">
        <v>547</v>
      </c>
      <c r="L5" s="1" t="s">
        <v>34</v>
      </c>
      <c r="N5" s="1" t="s">
        <v>35</v>
      </c>
      <c r="O5" s="1" t="s">
        <v>278</v>
      </c>
      <c r="P5" s="1" t="s">
        <v>37</v>
      </c>
      <c r="Q5" s="1" t="s">
        <v>186</v>
      </c>
      <c r="R5" s="1" t="s">
        <v>163</v>
      </c>
      <c r="S5" s="1" t="s">
        <v>157</v>
      </c>
      <c r="T5" s="1" t="s">
        <v>68</v>
      </c>
      <c r="U5" s="1">
        <v>8</v>
      </c>
      <c r="V5" s="1"/>
      <c r="W5" s="1"/>
      <c r="X5" s="1"/>
      <c r="Y5" s="1"/>
      <c r="Z5" s="1"/>
      <c r="AA5" s="1" t="s">
        <v>928</v>
      </c>
      <c r="AB5" s="1" t="s">
        <v>928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0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1666666666666663</v>
      </c>
      <c r="C6" s="1" t="s">
        <v>855</v>
      </c>
      <c r="D6" s="1" t="s">
        <v>85</v>
      </c>
      <c r="E6" s="1" t="s">
        <v>28</v>
      </c>
      <c r="F6" s="1" t="s">
        <v>203</v>
      </c>
      <c r="G6" s="1" t="s">
        <v>167</v>
      </c>
      <c r="H6" s="1" t="s">
        <v>45</v>
      </c>
      <c r="I6" s="1" t="s">
        <v>548</v>
      </c>
      <c r="J6" s="1" t="s">
        <v>302</v>
      </c>
      <c r="K6" s="1" t="s">
        <v>547</v>
      </c>
      <c r="L6" s="1" t="s">
        <v>34</v>
      </c>
      <c r="N6" s="1" t="s">
        <v>35</v>
      </c>
      <c r="O6" s="1" t="s">
        <v>278</v>
      </c>
      <c r="P6" s="1" t="s">
        <v>37</v>
      </c>
      <c r="Q6" s="1" t="s">
        <v>179</v>
      </c>
      <c r="R6" s="1" t="s">
        <v>282</v>
      </c>
      <c r="S6" s="1" t="s">
        <v>378</v>
      </c>
      <c r="T6" s="1" t="s">
        <v>286</v>
      </c>
      <c r="U6" s="1">
        <v>6.5</v>
      </c>
      <c r="V6" s="1"/>
      <c r="W6" s="1"/>
      <c r="X6" s="1">
        <v>6.5</v>
      </c>
      <c r="Y6" s="1">
        <v>0.62</v>
      </c>
      <c r="Z6" s="1"/>
      <c r="AA6" s="1" t="s">
        <v>928</v>
      </c>
      <c r="AB6" s="1" t="s">
        <v>928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54</v>
      </c>
      <c r="BP6" s="1">
        <v>78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87</v>
      </c>
      <c r="B7" s="2">
        <v>0.16666666666666666</v>
      </c>
      <c r="C7" s="1" t="s">
        <v>855</v>
      </c>
      <c r="D7" s="1" t="s">
        <v>164</v>
      </c>
      <c r="E7" s="1" t="s">
        <v>28</v>
      </c>
      <c r="F7" s="1" t="s">
        <v>42</v>
      </c>
      <c r="G7" s="1" t="s">
        <v>167</v>
      </c>
      <c r="H7" s="1" t="s">
        <v>78</v>
      </c>
      <c r="I7" s="1" t="s">
        <v>549</v>
      </c>
      <c r="J7" s="1" t="s">
        <v>247</v>
      </c>
      <c r="K7" s="1" t="s">
        <v>550</v>
      </c>
      <c r="L7" s="1" t="s">
        <v>34</v>
      </c>
      <c r="N7" s="1" t="s">
        <v>35</v>
      </c>
      <c r="O7" s="1" t="s">
        <v>278</v>
      </c>
      <c r="P7" s="1" t="s">
        <v>37</v>
      </c>
      <c r="Q7" s="1" t="s">
        <v>145</v>
      </c>
      <c r="R7" s="1" t="s">
        <v>313</v>
      </c>
      <c r="S7" s="1" t="s">
        <v>452</v>
      </c>
      <c r="T7" s="1" t="s">
        <v>41</v>
      </c>
      <c r="U7" s="1">
        <v>5.9</v>
      </c>
      <c r="V7" s="1"/>
      <c r="W7" s="1"/>
      <c r="X7" s="1"/>
      <c r="Y7" s="1"/>
      <c r="Z7" s="1"/>
      <c r="AA7" s="1" t="s">
        <v>928</v>
      </c>
      <c r="AB7" s="1" t="s">
        <v>928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5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193</v>
      </c>
      <c r="B8" s="2">
        <v>0.41666666666666669</v>
      </c>
      <c r="C8" s="1" t="s">
        <v>855</v>
      </c>
      <c r="D8" s="1" t="s">
        <v>27</v>
      </c>
      <c r="E8" s="1" t="s">
        <v>28</v>
      </c>
      <c r="F8" s="1" t="s">
        <v>194</v>
      </c>
      <c r="G8" s="1" t="s">
        <v>246</v>
      </c>
      <c r="H8" s="1" t="s">
        <v>100</v>
      </c>
      <c r="I8" s="1" t="s">
        <v>551</v>
      </c>
      <c r="J8" s="1" t="s">
        <v>126</v>
      </c>
      <c r="K8" s="1" t="s">
        <v>552</v>
      </c>
      <c r="L8" s="1" t="s">
        <v>34</v>
      </c>
      <c r="N8" s="1" t="s">
        <v>35</v>
      </c>
      <c r="O8" s="1" t="s">
        <v>278</v>
      </c>
      <c r="P8" s="1" t="s">
        <v>37</v>
      </c>
      <c r="Q8" s="1" t="s">
        <v>145</v>
      </c>
      <c r="R8" s="1" t="s">
        <v>115</v>
      </c>
      <c r="S8" s="1" t="s">
        <v>287</v>
      </c>
      <c r="T8" s="1" t="s">
        <v>129</v>
      </c>
      <c r="U8" s="1">
        <v>6.8</v>
      </c>
      <c r="V8" s="4">
        <v>7000</v>
      </c>
      <c r="W8" s="1"/>
      <c r="X8" s="1">
        <v>5.5</v>
      </c>
      <c r="Y8" s="1">
        <v>0.42</v>
      </c>
      <c r="Z8" s="1">
        <v>1.7999999999999999E-2</v>
      </c>
      <c r="AA8" s="1" t="s">
        <v>926</v>
      </c>
      <c r="AB8" s="1" t="s">
        <v>946</v>
      </c>
      <c r="AC8" s="1" t="s">
        <v>881</v>
      </c>
      <c r="AD8" s="1" t="s">
        <v>882</v>
      </c>
      <c r="AE8" s="1" t="s">
        <v>883</v>
      </c>
      <c r="AF8" s="1" t="s">
        <v>884</v>
      </c>
      <c r="AG8" s="1" t="s">
        <v>883</v>
      </c>
      <c r="AH8" s="1" t="s">
        <v>883</v>
      </c>
      <c r="AI8" s="1"/>
      <c r="AJ8" s="1"/>
      <c r="AK8" s="1"/>
      <c r="AL8" s="1" t="s">
        <v>888</v>
      </c>
      <c r="AM8" s="1"/>
      <c r="AN8" s="1"/>
      <c r="AO8" s="1"/>
      <c r="AP8" t="s">
        <v>888</v>
      </c>
      <c r="AQ8" s="1"/>
      <c r="AR8" s="1" t="s">
        <v>888</v>
      </c>
      <c r="AS8" s="1" t="s">
        <v>888</v>
      </c>
      <c r="AT8" s="1"/>
      <c r="AU8" s="1"/>
      <c r="AV8" s="1"/>
      <c r="AW8" s="1"/>
      <c r="AX8" s="1"/>
      <c r="AY8" s="1"/>
      <c r="AZ8" s="1"/>
      <c r="BA8" s="1"/>
      <c r="BB8" s="1">
        <v>0.14000000000000001</v>
      </c>
      <c r="BC8" s="1">
        <v>4.3</v>
      </c>
      <c r="BD8" s="1">
        <v>4.4000000000000004</v>
      </c>
      <c r="BE8" s="1"/>
      <c r="BF8" s="1"/>
      <c r="BG8" s="1"/>
      <c r="BH8" s="1"/>
      <c r="BI8" s="1"/>
      <c r="BJ8" s="1"/>
      <c r="BK8" s="1"/>
      <c r="BL8" s="1"/>
      <c r="BM8" s="1">
        <v>0.52</v>
      </c>
      <c r="BN8" s="1">
        <v>0.36</v>
      </c>
      <c r="BO8" s="1">
        <v>110</v>
      </c>
      <c r="BP8" s="1">
        <v>24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6666666666666663</v>
      </c>
      <c r="C9" s="1" t="s">
        <v>855</v>
      </c>
      <c r="D9" s="1" t="s">
        <v>27</v>
      </c>
      <c r="E9" s="1" t="s">
        <v>28</v>
      </c>
      <c r="F9" s="1" t="s">
        <v>230</v>
      </c>
      <c r="G9" s="1" t="s">
        <v>70</v>
      </c>
      <c r="H9" s="1" t="s">
        <v>32</v>
      </c>
      <c r="I9" s="1" t="s">
        <v>553</v>
      </c>
      <c r="J9" s="1" t="s">
        <v>208</v>
      </c>
      <c r="K9" s="1" t="s">
        <v>554</v>
      </c>
      <c r="L9" s="1" t="s">
        <v>34</v>
      </c>
      <c r="N9" s="1" t="s">
        <v>35</v>
      </c>
      <c r="O9" s="1" t="s">
        <v>278</v>
      </c>
      <c r="P9" s="1" t="s">
        <v>37</v>
      </c>
      <c r="Q9" s="1" t="s">
        <v>179</v>
      </c>
      <c r="R9" s="1" t="s">
        <v>180</v>
      </c>
      <c r="S9" s="1" t="s">
        <v>279</v>
      </c>
      <c r="T9" s="1" t="s">
        <v>41</v>
      </c>
      <c r="U9" s="1">
        <v>7.5</v>
      </c>
      <c r="V9" s="1"/>
      <c r="W9" s="1"/>
      <c r="X9" s="1"/>
      <c r="Y9" s="1"/>
      <c r="Z9" s="1"/>
      <c r="AA9" s="1" t="s">
        <v>928</v>
      </c>
      <c r="AB9" s="1" t="s">
        <v>928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54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1666666666666663</v>
      </c>
      <c r="C10" s="1" t="s">
        <v>855</v>
      </c>
      <c r="D10" s="1" t="s">
        <v>85</v>
      </c>
      <c r="E10" s="1" t="s">
        <v>28</v>
      </c>
      <c r="F10" s="1" t="s">
        <v>53</v>
      </c>
      <c r="G10" s="1" t="s">
        <v>375</v>
      </c>
      <c r="H10" s="1" t="s">
        <v>309</v>
      </c>
      <c r="I10" s="1" t="s">
        <v>555</v>
      </c>
      <c r="J10" s="1" t="s">
        <v>309</v>
      </c>
      <c r="K10" s="1" t="s">
        <v>487</v>
      </c>
      <c r="L10" s="1" t="s">
        <v>34</v>
      </c>
      <c r="N10" s="1" t="s">
        <v>35</v>
      </c>
      <c r="O10" s="1" t="s">
        <v>278</v>
      </c>
      <c r="P10" s="1" t="s">
        <v>37</v>
      </c>
      <c r="Q10" s="1" t="s">
        <v>179</v>
      </c>
      <c r="R10" s="1" t="s">
        <v>180</v>
      </c>
      <c r="S10" s="1" t="s">
        <v>347</v>
      </c>
      <c r="T10" s="1" t="s">
        <v>41</v>
      </c>
      <c r="U10" s="1">
        <v>7.9</v>
      </c>
      <c r="V10" s="1"/>
      <c r="W10" s="1"/>
      <c r="X10" s="1">
        <v>5.5</v>
      </c>
      <c r="Y10" s="1">
        <v>0.55000000000000004</v>
      </c>
      <c r="Z10" s="1"/>
      <c r="AA10" s="1" t="s">
        <v>928</v>
      </c>
      <c r="AB10" s="1" t="s">
        <v>928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110</v>
      </c>
      <c r="BP10" s="1">
        <v>24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1</v>
      </c>
      <c r="B11" s="2">
        <v>0.16666666666666666</v>
      </c>
      <c r="C11" s="1" t="s">
        <v>855</v>
      </c>
      <c r="D11" s="1" t="s">
        <v>85</v>
      </c>
      <c r="E11" s="1" t="s">
        <v>28</v>
      </c>
      <c r="F11" s="1" t="s">
        <v>106</v>
      </c>
      <c r="G11" s="1" t="s">
        <v>202</v>
      </c>
      <c r="H11" s="1" t="s">
        <v>63</v>
      </c>
      <c r="I11" s="1" t="s">
        <v>556</v>
      </c>
      <c r="J11" s="1" t="s">
        <v>219</v>
      </c>
      <c r="K11" s="1" t="s">
        <v>557</v>
      </c>
      <c r="L11" s="1" t="s">
        <v>34</v>
      </c>
      <c r="N11" s="1" t="s">
        <v>35</v>
      </c>
      <c r="O11" s="1" t="s">
        <v>278</v>
      </c>
      <c r="P11" s="1" t="s">
        <v>37</v>
      </c>
      <c r="Q11" s="1" t="s">
        <v>145</v>
      </c>
      <c r="R11" s="1" t="s">
        <v>282</v>
      </c>
      <c r="S11" s="1" t="s">
        <v>341</v>
      </c>
      <c r="T11" s="1" t="s">
        <v>60</v>
      </c>
      <c r="U11" s="1">
        <v>5.9</v>
      </c>
      <c r="V11" s="1"/>
      <c r="W11" s="1"/>
      <c r="X11" s="1"/>
      <c r="Y11" s="1"/>
      <c r="Z11" s="1"/>
      <c r="AA11" s="1" t="s">
        <v>928</v>
      </c>
      <c r="AB11" s="1" t="s">
        <v>928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7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69</v>
      </c>
      <c r="B12" s="2">
        <v>0.41666666666666669</v>
      </c>
      <c r="C12" s="1" t="s">
        <v>855</v>
      </c>
      <c r="D12" s="1" t="s">
        <v>85</v>
      </c>
      <c r="E12" s="1" t="s">
        <v>28</v>
      </c>
      <c r="F12" s="1" t="s">
        <v>70</v>
      </c>
      <c r="G12" s="1" t="s">
        <v>92</v>
      </c>
      <c r="H12" s="1" t="s">
        <v>33</v>
      </c>
      <c r="I12" s="1" t="s">
        <v>558</v>
      </c>
      <c r="J12" s="1" t="s">
        <v>47</v>
      </c>
      <c r="K12" s="1" t="s">
        <v>251</v>
      </c>
      <c r="L12" s="1" t="s">
        <v>34</v>
      </c>
      <c r="N12" s="1" t="s">
        <v>35</v>
      </c>
      <c r="O12" s="1" t="s">
        <v>278</v>
      </c>
      <c r="P12" s="1" t="s">
        <v>37</v>
      </c>
      <c r="Q12" s="1" t="s">
        <v>145</v>
      </c>
      <c r="R12" s="1" t="s">
        <v>149</v>
      </c>
      <c r="S12" s="1" t="s">
        <v>287</v>
      </c>
      <c r="T12" s="1" t="s">
        <v>182</v>
      </c>
      <c r="U12" s="1">
        <v>6.4</v>
      </c>
      <c r="V12" s="4">
        <v>4900</v>
      </c>
      <c r="W12" s="1"/>
      <c r="X12" s="1">
        <v>5.0999999999999996</v>
      </c>
      <c r="Y12" s="1">
        <v>0.47</v>
      </c>
      <c r="Z12" s="1">
        <v>2.1999999999999999E-2</v>
      </c>
      <c r="AA12" s="1" t="s">
        <v>926</v>
      </c>
      <c r="AB12" s="1" t="s">
        <v>945</v>
      </c>
      <c r="AC12" s="1" t="s">
        <v>881</v>
      </c>
      <c r="AD12" s="1" t="s">
        <v>882</v>
      </c>
      <c r="AE12" s="1" t="s">
        <v>883</v>
      </c>
      <c r="AF12" s="1" t="s">
        <v>884</v>
      </c>
      <c r="AG12" s="1" t="s">
        <v>883</v>
      </c>
      <c r="AH12" s="1" t="s">
        <v>883</v>
      </c>
      <c r="AI12" s="1"/>
      <c r="AJ12" s="1"/>
      <c r="AK12" s="1"/>
      <c r="AL12" s="1" t="s">
        <v>888</v>
      </c>
      <c r="AM12" s="1"/>
      <c r="AN12" s="1"/>
      <c r="AO12" s="1"/>
      <c r="AP12" t="s">
        <v>888</v>
      </c>
      <c r="AQ12" s="1"/>
      <c r="AR12" s="1" t="s">
        <v>888</v>
      </c>
      <c r="AS12" s="1" t="s">
        <v>888</v>
      </c>
      <c r="AT12" s="1"/>
      <c r="AU12" s="1"/>
      <c r="AV12" s="1"/>
      <c r="AW12" s="1"/>
      <c r="AX12" s="1"/>
      <c r="AY12" s="1"/>
      <c r="AZ12" s="1" t="s">
        <v>893</v>
      </c>
      <c r="BA12" s="1">
        <v>6.9000000000000006E-2</v>
      </c>
      <c r="BB12" s="1">
        <v>0.26</v>
      </c>
      <c r="BC12" s="1">
        <v>4</v>
      </c>
      <c r="BD12" s="1">
        <v>4.2</v>
      </c>
      <c r="BE12" s="1"/>
      <c r="BF12" s="1" t="s">
        <v>885</v>
      </c>
      <c r="BG12" s="1">
        <v>4.4999999999999997E-3</v>
      </c>
      <c r="BH12" s="1" t="s">
        <v>884</v>
      </c>
      <c r="BI12" s="1" t="s">
        <v>882</v>
      </c>
      <c r="BJ12" s="1"/>
      <c r="BK12" s="1"/>
      <c r="BL12" s="1"/>
      <c r="BM12" s="1">
        <v>0.14000000000000001</v>
      </c>
      <c r="BN12" s="1">
        <v>0.4</v>
      </c>
      <c r="BO12" s="1">
        <v>66</v>
      </c>
      <c r="BP12" s="1">
        <v>110</v>
      </c>
      <c r="BQ12" s="1"/>
      <c r="BR12" s="1" t="s">
        <v>90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6666666666666663</v>
      </c>
      <c r="C13" s="1" t="s">
        <v>855</v>
      </c>
      <c r="D13" s="1" t="s">
        <v>85</v>
      </c>
      <c r="E13" s="1" t="s">
        <v>28</v>
      </c>
      <c r="F13" s="1" t="s">
        <v>559</v>
      </c>
      <c r="G13" s="1" t="s">
        <v>211</v>
      </c>
      <c r="H13" s="1" t="s">
        <v>160</v>
      </c>
      <c r="I13" s="1" t="s">
        <v>560</v>
      </c>
      <c r="J13" s="1" t="s">
        <v>208</v>
      </c>
      <c r="K13" s="1" t="s">
        <v>561</v>
      </c>
      <c r="L13" s="1" t="s">
        <v>34</v>
      </c>
      <c r="N13" s="1" t="s">
        <v>35</v>
      </c>
      <c r="O13" s="1" t="s">
        <v>278</v>
      </c>
      <c r="P13" s="1" t="s">
        <v>37</v>
      </c>
      <c r="Q13" s="1" t="s">
        <v>179</v>
      </c>
      <c r="R13" s="1" t="s">
        <v>146</v>
      </c>
      <c r="S13" s="1" t="s">
        <v>287</v>
      </c>
      <c r="T13" s="1" t="s">
        <v>41</v>
      </c>
      <c r="U13" s="1">
        <v>7.2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77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1666666666666663</v>
      </c>
      <c r="C14" s="1" t="s">
        <v>855</v>
      </c>
      <c r="D14" s="1" t="s">
        <v>85</v>
      </c>
      <c r="E14" s="1" t="s">
        <v>28</v>
      </c>
      <c r="F14" s="1" t="s">
        <v>562</v>
      </c>
      <c r="G14" s="1" t="s">
        <v>349</v>
      </c>
      <c r="H14" s="1" t="s">
        <v>73</v>
      </c>
      <c r="I14" s="1" t="s">
        <v>563</v>
      </c>
      <c r="J14" s="1" t="s">
        <v>33</v>
      </c>
      <c r="K14" s="1" t="s">
        <v>564</v>
      </c>
      <c r="L14" s="1" t="s">
        <v>34</v>
      </c>
      <c r="N14" s="1" t="s">
        <v>35</v>
      </c>
      <c r="O14" s="1" t="s">
        <v>278</v>
      </c>
      <c r="P14" s="1" t="s">
        <v>37</v>
      </c>
      <c r="Q14" s="1" t="s">
        <v>186</v>
      </c>
      <c r="R14" s="1" t="s">
        <v>115</v>
      </c>
      <c r="S14" s="1" t="s">
        <v>465</v>
      </c>
      <c r="T14" s="1" t="s">
        <v>68</v>
      </c>
      <c r="U14" s="1">
        <v>6.9</v>
      </c>
      <c r="V14" s="1"/>
      <c r="W14" s="1"/>
      <c r="X14" s="1">
        <v>4.9000000000000004</v>
      </c>
      <c r="Y14" s="1">
        <v>0.49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50</v>
      </c>
      <c r="BP14" s="1">
        <v>38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503</v>
      </c>
      <c r="B15" s="2">
        <v>0.16666666666666666</v>
      </c>
      <c r="C15" s="1" t="s">
        <v>855</v>
      </c>
      <c r="D15" s="1" t="s">
        <v>27</v>
      </c>
      <c r="E15" s="1" t="s">
        <v>28</v>
      </c>
      <c r="F15" s="1" t="s">
        <v>261</v>
      </c>
      <c r="G15" s="1" t="s">
        <v>375</v>
      </c>
      <c r="H15" s="1" t="s">
        <v>47</v>
      </c>
      <c r="I15" s="1" t="s">
        <v>565</v>
      </c>
      <c r="J15" s="1" t="s">
        <v>243</v>
      </c>
      <c r="K15" s="1" t="s">
        <v>566</v>
      </c>
      <c r="L15" s="1" t="s">
        <v>34</v>
      </c>
      <c r="N15" s="1" t="s">
        <v>35</v>
      </c>
      <c r="O15" s="1" t="s">
        <v>278</v>
      </c>
      <c r="P15" s="1" t="s">
        <v>37</v>
      </c>
      <c r="Q15" s="1" t="s">
        <v>191</v>
      </c>
      <c r="R15" s="1" t="s">
        <v>456</v>
      </c>
      <c r="S15" s="1" t="s">
        <v>452</v>
      </c>
      <c r="T15" s="1" t="s">
        <v>41</v>
      </c>
      <c r="U15" s="1">
        <v>5.5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94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4</v>
      </c>
      <c r="B16" s="2">
        <v>0.41666666666666669</v>
      </c>
      <c r="C16" s="1" t="s">
        <v>855</v>
      </c>
      <c r="D16" s="1" t="s">
        <v>85</v>
      </c>
      <c r="E16" s="1" t="s">
        <v>28</v>
      </c>
      <c r="F16" s="1" t="s">
        <v>505</v>
      </c>
      <c r="G16" s="1" t="s">
        <v>211</v>
      </c>
      <c r="H16" s="1" t="s">
        <v>228</v>
      </c>
      <c r="I16" s="1" t="s">
        <v>567</v>
      </c>
      <c r="J16" s="1" t="s">
        <v>33</v>
      </c>
      <c r="K16" s="1" t="s">
        <v>568</v>
      </c>
      <c r="L16" s="1" t="s">
        <v>34</v>
      </c>
      <c r="N16" s="1" t="s">
        <v>35</v>
      </c>
      <c r="O16" s="1" t="s">
        <v>278</v>
      </c>
      <c r="P16" s="1" t="s">
        <v>37</v>
      </c>
      <c r="Q16" s="1" t="s">
        <v>145</v>
      </c>
      <c r="R16" s="1" t="s">
        <v>196</v>
      </c>
      <c r="S16" s="1" t="s">
        <v>147</v>
      </c>
      <c r="T16" s="1" t="s">
        <v>60</v>
      </c>
      <c r="U16" s="1">
        <v>5.6</v>
      </c>
      <c r="V16" s="4">
        <v>3300</v>
      </c>
      <c r="W16" s="1"/>
      <c r="X16" s="1">
        <v>6.4</v>
      </c>
      <c r="Y16" s="1">
        <v>0.32</v>
      </c>
      <c r="Z16" s="1">
        <v>1.6E-2</v>
      </c>
      <c r="AA16" s="1" t="s">
        <v>926</v>
      </c>
      <c r="AB16" s="1" t="s">
        <v>947</v>
      </c>
      <c r="AC16" s="1" t="s">
        <v>881</v>
      </c>
      <c r="AD16" s="1" t="s">
        <v>882</v>
      </c>
      <c r="AE16" s="1" t="s">
        <v>883</v>
      </c>
      <c r="AF16" s="1" t="s">
        <v>884</v>
      </c>
      <c r="AG16" s="1" t="s">
        <v>883</v>
      </c>
      <c r="AH16" s="1" t="s">
        <v>883</v>
      </c>
      <c r="AI16" s="1"/>
      <c r="AJ16" s="1"/>
      <c r="AK16" s="1"/>
      <c r="AL16" s="1" t="s">
        <v>888</v>
      </c>
      <c r="AM16" s="1"/>
      <c r="AN16" s="1"/>
      <c r="AO16" s="1"/>
      <c r="AP16" t="s">
        <v>888</v>
      </c>
      <c r="AQ16" s="1"/>
      <c r="AR16" s="1" t="s">
        <v>888</v>
      </c>
      <c r="AS16" s="1" t="s">
        <v>888</v>
      </c>
      <c r="AT16" s="1"/>
      <c r="AU16" s="1" t="s">
        <v>883</v>
      </c>
      <c r="AV16" s="1" t="s">
        <v>881</v>
      </c>
      <c r="AW16" s="1" t="s">
        <v>883</v>
      </c>
      <c r="AX16" s="1"/>
      <c r="AY16" s="1"/>
      <c r="AZ16" s="1"/>
      <c r="BA16" s="1"/>
      <c r="BB16" s="1">
        <v>0.3</v>
      </c>
      <c r="BC16" s="1">
        <v>4.7</v>
      </c>
      <c r="BD16" s="1">
        <v>5</v>
      </c>
      <c r="BE16" s="1"/>
      <c r="BF16" s="1"/>
      <c r="BG16" s="1"/>
      <c r="BH16" s="1"/>
      <c r="BI16" s="1"/>
      <c r="BJ16" s="1"/>
      <c r="BK16" s="1" t="s">
        <v>903</v>
      </c>
      <c r="BL16" s="1"/>
      <c r="BM16" s="1" t="s">
        <v>900</v>
      </c>
      <c r="BN16" s="1">
        <v>0.25</v>
      </c>
      <c r="BO16" s="1">
        <v>61</v>
      </c>
      <c r="BP16" s="1">
        <v>94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6666666666666663</v>
      </c>
      <c r="C17" s="1" t="s">
        <v>855</v>
      </c>
      <c r="D17" s="1" t="s">
        <v>27</v>
      </c>
      <c r="E17" s="1" t="s">
        <v>28</v>
      </c>
      <c r="F17" s="1" t="s">
        <v>353</v>
      </c>
      <c r="G17" s="1" t="s">
        <v>514</v>
      </c>
      <c r="H17" s="1" t="s">
        <v>44</v>
      </c>
      <c r="I17" s="1" t="s">
        <v>569</v>
      </c>
      <c r="J17" s="1" t="s">
        <v>289</v>
      </c>
      <c r="K17" s="1" t="s">
        <v>570</v>
      </c>
      <c r="L17" s="1" t="s">
        <v>34</v>
      </c>
      <c r="N17" s="1" t="s">
        <v>35</v>
      </c>
      <c r="O17" s="1" t="s">
        <v>278</v>
      </c>
      <c r="P17" s="1" t="s">
        <v>37</v>
      </c>
      <c r="Q17" s="1" t="s">
        <v>81</v>
      </c>
      <c r="R17" s="1" t="s">
        <v>220</v>
      </c>
      <c r="S17" s="1" t="s">
        <v>361</v>
      </c>
      <c r="T17" s="1" t="s">
        <v>68</v>
      </c>
      <c r="U17" s="1">
        <v>7.6</v>
      </c>
      <c r="V17" s="1"/>
      <c r="W17" s="1"/>
      <c r="X17" s="1"/>
      <c r="Y17" s="1"/>
      <c r="Z17" s="1"/>
      <c r="AA17" s="1" t="s">
        <v>928</v>
      </c>
      <c r="AB17" s="1" t="s">
        <v>928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59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1666666666666663</v>
      </c>
      <c r="C18" s="1" t="s">
        <v>855</v>
      </c>
      <c r="D18" s="1" t="s">
        <v>85</v>
      </c>
      <c r="E18" s="1" t="s">
        <v>28</v>
      </c>
      <c r="F18" s="1" t="s">
        <v>211</v>
      </c>
      <c r="G18" s="1" t="s">
        <v>507</v>
      </c>
      <c r="H18" s="1" t="s">
        <v>72</v>
      </c>
      <c r="I18" s="1" t="s">
        <v>571</v>
      </c>
      <c r="J18" s="1" t="s">
        <v>189</v>
      </c>
      <c r="K18" s="1" t="s">
        <v>343</v>
      </c>
      <c r="L18" s="1" t="s">
        <v>34</v>
      </c>
      <c r="N18" s="1" t="s">
        <v>35</v>
      </c>
      <c r="O18" s="1" t="s">
        <v>278</v>
      </c>
      <c r="P18" s="1" t="s">
        <v>37</v>
      </c>
      <c r="Q18" s="1" t="s">
        <v>81</v>
      </c>
      <c r="R18" s="1" t="s">
        <v>220</v>
      </c>
      <c r="S18" s="1" t="s">
        <v>157</v>
      </c>
      <c r="T18" s="1" t="s">
        <v>41</v>
      </c>
      <c r="U18" s="1">
        <v>6.9</v>
      </c>
      <c r="V18" s="1"/>
      <c r="W18" s="1"/>
      <c r="X18" s="1">
        <v>6.8</v>
      </c>
      <c r="Y18" s="1">
        <v>0.42</v>
      </c>
      <c r="Z18" s="1"/>
      <c r="AA18" s="1" t="s">
        <v>928</v>
      </c>
      <c r="AB18" s="1" t="s">
        <v>928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50</v>
      </c>
      <c r="BP18" s="1">
        <v>6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27</v>
      </c>
      <c r="B19" s="2">
        <v>0.16666666666666666</v>
      </c>
      <c r="C19" s="1" t="s">
        <v>855</v>
      </c>
      <c r="D19" s="1" t="s">
        <v>85</v>
      </c>
      <c r="E19" s="1" t="s">
        <v>28</v>
      </c>
      <c r="F19" s="1" t="s">
        <v>211</v>
      </c>
      <c r="G19" s="1" t="s">
        <v>52</v>
      </c>
      <c r="H19" s="1" t="s">
        <v>119</v>
      </c>
      <c r="I19" s="1" t="s">
        <v>572</v>
      </c>
      <c r="J19" s="1" t="s">
        <v>302</v>
      </c>
      <c r="K19" s="1" t="s">
        <v>485</v>
      </c>
      <c r="L19" s="1" t="s">
        <v>34</v>
      </c>
      <c r="N19" s="1" t="s">
        <v>35</v>
      </c>
      <c r="O19" s="1" t="s">
        <v>278</v>
      </c>
      <c r="P19" s="1" t="s">
        <v>37</v>
      </c>
      <c r="Q19" s="1" t="s">
        <v>186</v>
      </c>
      <c r="R19" s="1" t="s">
        <v>50</v>
      </c>
      <c r="S19" s="1" t="s">
        <v>408</v>
      </c>
      <c r="T19" s="1" t="s">
        <v>41</v>
      </c>
      <c r="U19" s="1">
        <v>5</v>
      </c>
      <c r="V19" s="1"/>
      <c r="W19" s="1"/>
      <c r="X19" s="1"/>
      <c r="Y19" s="1"/>
      <c r="Z19" s="1"/>
      <c r="AA19" s="1" t="s">
        <v>928</v>
      </c>
      <c r="AB19" s="1" t="s">
        <v>928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7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97</v>
      </c>
      <c r="B20" s="2">
        <v>0.41666666666666669</v>
      </c>
      <c r="C20" s="1" t="s">
        <v>855</v>
      </c>
      <c r="D20" s="1" t="s">
        <v>27</v>
      </c>
      <c r="E20" s="1" t="s">
        <v>28</v>
      </c>
      <c r="F20" s="1" t="s">
        <v>573</v>
      </c>
      <c r="G20" s="1" t="s">
        <v>457</v>
      </c>
      <c r="H20" s="1" t="s">
        <v>65</v>
      </c>
      <c r="I20" s="1" t="s">
        <v>574</v>
      </c>
      <c r="J20" s="1" t="s">
        <v>258</v>
      </c>
      <c r="K20" s="1" t="s">
        <v>575</v>
      </c>
      <c r="L20" s="1" t="s">
        <v>34</v>
      </c>
      <c r="N20" s="1" t="s">
        <v>35</v>
      </c>
      <c r="O20" s="1" t="s">
        <v>278</v>
      </c>
      <c r="P20" s="1" t="s">
        <v>37</v>
      </c>
      <c r="Q20" s="1" t="s">
        <v>191</v>
      </c>
      <c r="R20" s="1" t="s">
        <v>245</v>
      </c>
      <c r="S20" s="1" t="s">
        <v>376</v>
      </c>
      <c r="T20" s="1" t="s">
        <v>60</v>
      </c>
      <c r="U20" s="1">
        <v>6.3</v>
      </c>
      <c r="V20" s="4">
        <v>3300</v>
      </c>
      <c r="W20" s="1" t="s">
        <v>887</v>
      </c>
      <c r="X20" s="1">
        <v>5.6</v>
      </c>
      <c r="Y20" s="1">
        <v>0.4</v>
      </c>
      <c r="Z20" s="1">
        <v>1.9E-2</v>
      </c>
      <c r="AA20" s="1" t="s">
        <v>926</v>
      </c>
      <c r="AB20" s="1" t="s">
        <v>948</v>
      </c>
      <c r="AC20" s="1" t="s">
        <v>881</v>
      </c>
      <c r="AD20" s="1" t="s">
        <v>882</v>
      </c>
      <c r="AE20" s="1" t="s">
        <v>883</v>
      </c>
      <c r="AF20" s="1" t="s">
        <v>884</v>
      </c>
      <c r="AG20" s="1" t="s">
        <v>883</v>
      </c>
      <c r="AH20" s="1" t="s">
        <v>883</v>
      </c>
      <c r="AI20" s="1"/>
      <c r="AJ20" s="1" t="s">
        <v>883</v>
      </c>
      <c r="AK20" s="1" t="s">
        <v>888</v>
      </c>
      <c r="AL20" s="1" t="s">
        <v>888</v>
      </c>
      <c r="AM20" s="1" t="s">
        <v>888</v>
      </c>
      <c r="AN20" s="1" t="s">
        <v>888</v>
      </c>
      <c r="AO20" s="1" t="s">
        <v>888</v>
      </c>
      <c r="AP20" t="s">
        <v>888</v>
      </c>
      <c r="AQ20" s="1" t="s">
        <v>888</v>
      </c>
      <c r="AR20" s="1" t="s">
        <v>888</v>
      </c>
      <c r="AS20" s="1" t="s">
        <v>888</v>
      </c>
      <c r="AT20" s="1" t="s">
        <v>896</v>
      </c>
      <c r="AU20" s="1"/>
      <c r="AV20" s="1"/>
      <c r="AW20" s="1"/>
      <c r="AX20" s="1" t="s">
        <v>888</v>
      </c>
      <c r="AY20" s="1" t="s">
        <v>883</v>
      </c>
      <c r="AZ20" s="1" t="s">
        <v>893</v>
      </c>
      <c r="BA20" s="1">
        <v>0.15</v>
      </c>
      <c r="BB20" s="1">
        <v>0.2</v>
      </c>
      <c r="BC20" s="1">
        <v>4.4000000000000004</v>
      </c>
      <c r="BD20" s="1">
        <v>4.5999999999999996</v>
      </c>
      <c r="BE20" s="1" t="s">
        <v>885</v>
      </c>
      <c r="BF20" s="1" t="s">
        <v>885</v>
      </c>
      <c r="BG20" s="1">
        <v>4.1000000000000003E-3</v>
      </c>
      <c r="BH20" s="1" t="s">
        <v>884</v>
      </c>
      <c r="BI20" s="1" t="s">
        <v>882</v>
      </c>
      <c r="BJ20" s="1" t="s">
        <v>884</v>
      </c>
      <c r="BK20" s="1"/>
      <c r="BL20" s="1" t="s">
        <v>889</v>
      </c>
      <c r="BM20" s="1">
        <v>0.38</v>
      </c>
      <c r="BN20" s="1">
        <v>0.38</v>
      </c>
      <c r="BO20" s="1">
        <v>170</v>
      </c>
      <c r="BP20" s="1">
        <v>430</v>
      </c>
      <c r="BQ20" s="1"/>
      <c r="BR20" s="1" t="s">
        <v>90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6666666666666663</v>
      </c>
      <c r="C21" s="1" t="s">
        <v>855</v>
      </c>
      <c r="D21" s="1" t="s">
        <v>27</v>
      </c>
      <c r="E21" s="1" t="s">
        <v>28</v>
      </c>
      <c r="F21" s="1" t="s">
        <v>232</v>
      </c>
      <c r="G21" s="1" t="s">
        <v>232</v>
      </c>
      <c r="H21" s="1" t="s">
        <v>46</v>
      </c>
      <c r="I21" s="1" t="s">
        <v>576</v>
      </c>
      <c r="J21" s="1" t="s">
        <v>33</v>
      </c>
      <c r="K21" s="1" t="s">
        <v>568</v>
      </c>
      <c r="L21" s="1" t="s">
        <v>34</v>
      </c>
      <c r="N21" s="1" t="s">
        <v>35</v>
      </c>
      <c r="O21" s="1" t="s">
        <v>278</v>
      </c>
      <c r="P21" s="1" t="s">
        <v>37</v>
      </c>
      <c r="Q21" s="1" t="s">
        <v>171</v>
      </c>
      <c r="R21" s="1" t="s">
        <v>82</v>
      </c>
      <c r="S21" s="1" t="s">
        <v>348</v>
      </c>
      <c r="T21" s="1" t="s">
        <v>60</v>
      </c>
      <c r="U21" s="1">
        <v>7.3</v>
      </c>
      <c r="V21" s="1"/>
      <c r="W21" s="1"/>
      <c r="X21" s="1"/>
      <c r="Y21" s="1"/>
      <c r="Z21" s="1"/>
      <c r="AA21" s="1" t="s">
        <v>928</v>
      </c>
      <c r="AB21" s="1" t="s">
        <v>928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76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1666666666666663</v>
      </c>
      <c r="C22" s="1" t="s">
        <v>855</v>
      </c>
      <c r="D22" s="1" t="s">
        <v>27</v>
      </c>
      <c r="E22" s="1" t="s">
        <v>28</v>
      </c>
      <c r="F22" s="1" t="s">
        <v>235</v>
      </c>
      <c r="G22" s="1" t="s">
        <v>505</v>
      </c>
      <c r="H22" s="1" t="s">
        <v>55</v>
      </c>
      <c r="I22" s="1" t="s">
        <v>577</v>
      </c>
      <c r="J22" s="1" t="s">
        <v>184</v>
      </c>
      <c r="K22" s="1" t="s">
        <v>450</v>
      </c>
      <c r="L22" s="1" t="s">
        <v>34</v>
      </c>
      <c r="N22" s="1" t="s">
        <v>35</v>
      </c>
      <c r="O22" s="1" t="s">
        <v>278</v>
      </c>
      <c r="P22" s="1" t="s">
        <v>37</v>
      </c>
      <c r="Q22" s="1" t="s">
        <v>179</v>
      </c>
      <c r="R22" s="1" t="s">
        <v>122</v>
      </c>
      <c r="S22" s="1" t="s">
        <v>147</v>
      </c>
      <c r="T22" s="1" t="s">
        <v>60</v>
      </c>
      <c r="U22" s="1">
        <v>6</v>
      </c>
      <c r="V22" s="1"/>
      <c r="W22" s="1"/>
      <c r="X22" s="1">
        <v>6</v>
      </c>
      <c r="Y22" s="1">
        <v>0.44</v>
      </c>
      <c r="Z22" s="1"/>
      <c r="AA22" s="1" t="s">
        <v>928</v>
      </c>
      <c r="AB22" s="1" t="s">
        <v>928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10</v>
      </c>
      <c r="BP22" s="1">
        <v>24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38</v>
      </c>
      <c r="B23" s="2">
        <v>0.16666666666666666</v>
      </c>
      <c r="C23" s="1" t="s">
        <v>855</v>
      </c>
      <c r="D23" s="1" t="s">
        <v>27</v>
      </c>
      <c r="E23" s="1" t="s">
        <v>28</v>
      </c>
      <c r="F23" s="1" t="s">
        <v>578</v>
      </c>
      <c r="G23" s="1" t="s">
        <v>230</v>
      </c>
      <c r="H23" s="1" t="s">
        <v>72</v>
      </c>
      <c r="I23" s="1" t="s">
        <v>579</v>
      </c>
      <c r="J23" s="1" t="s">
        <v>247</v>
      </c>
      <c r="K23" s="1" t="s">
        <v>550</v>
      </c>
      <c r="L23" s="1" t="s">
        <v>34</v>
      </c>
      <c r="N23" s="1" t="s">
        <v>35</v>
      </c>
      <c r="O23" s="1" t="s">
        <v>278</v>
      </c>
      <c r="P23" s="1" t="s">
        <v>37</v>
      </c>
      <c r="Q23" s="1" t="s">
        <v>145</v>
      </c>
      <c r="R23" s="1" t="s">
        <v>122</v>
      </c>
      <c r="S23" s="1" t="s">
        <v>313</v>
      </c>
      <c r="T23" s="1" t="s">
        <v>60</v>
      </c>
      <c r="U23" s="1">
        <v>4.4000000000000004</v>
      </c>
      <c r="V23" s="1"/>
      <c r="W23" s="1"/>
      <c r="X23" s="1"/>
      <c r="Y23" s="1"/>
      <c r="Z23" s="1"/>
      <c r="AA23" s="1" t="s">
        <v>928</v>
      </c>
      <c r="AB23" s="1" t="s">
        <v>928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77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1</v>
      </c>
      <c r="B24" s="2">
        <v>0.41666666666666669</v>
      </c>
      <c r="C24" s="1" t="s">
        <v>855</v>
      </c>
      <c r="D24" s="1" t="s">
        <v>27</v>
      </c>
      <c r="E24" s="1" t="s">
        <v>28</v>
      </c>
      <c r="F24" s="1" t="s">
        <v>92</v>
      </c>
      <c r="G24" s="1" t="s">
        <v>107</v>
      </c>
      <c r="H24" s="1" t="s">
        <v>100</v>
      </c>
      <c r="I24" s="1" t="s">
        <v>580</v>
      </c>
      <c r="J24" s="1" t="s">
        <v>258</v>
      </c>
      <c r="K24" s="1" t="s">
        <v>575</v>
      </c>
      <c r="L24" s="1" t="s">
        <v>34</v>
      </c>
      <c r="N24" s="1" t="s">
        <v>35</v>
      </c>
      <c r="O24" s="1" t="s">
        <v>278</v>
      </c>
      <c r="P24" s="1" t="s">
        <v>37</v>
      </c>
      <c r="Q24" s="1" t="s">
        <v>145</v>
      </c>
      <c r="R24" s="1" t="s">
        <v>82</v>
      </c>
      <c r="S24" s="1" t="s">
        <v>91</v>
      </c>
      <c r="T24" s="1" t="s">
        <v>60</v>
      </c>
      <c r="U24" s="1">
        <v>5.9</v>
      </c>
      <c r="V24" s="4">
        <v>33000</v>
      </c>
      <c r="W24" s="1"/>
      <c r="X24" s="1">
        <v>4.8</v>
      </c>
      <c r="Y24" s="1">
        <v>0.56000000000000005</v>
      </c>
      <c r="Z24" s="1">
        <v>1.4999999999999999E-2</v>
      </c>
      <c r="AA24" s="1" t="s">
        <v>926</v>
      </c>
      <c r="AB24" s="1" t="s">
        <v>949</v>
      </c>
      <c r="AC24" s="1" t="s">
        <v>881</v>
      </c>
      <c r="AD24" s="1" t="s">
        <v>882</v>
      </c>
      <c r="AE24" s="1" t="s">
        <v>883</v>
      </c>
      <c r="AF24" s="1" t="s">
        <v>884</v>
      </c>
      <c r="AG24" s="1" t="s">
        <v>883</v>
      </c>
      <c r="AH24" s="1" t="s">
        <v>883</v>
      </c>
      <c r="AI24" s="1"/>
      <c r="AJ24" s="1"/>
      <c r="AK24" s="1"/>
      <c r="AL24" s="1" t="s">
        <v>888</v>
      </c>
      <c r="AM24" s="1"/>
      <c r="AN24" s="1"/>
      <c r="AO24" s="1"/>
      <c r="AP24" t="s">
        <v>888</v>
      </c>
      <c r="AQ24" s="1"/>
      <c r="AR24" s="1" t="s">
        <v>888</v>
      </c>
      <c r="AS24" s="1" t="s">
        <v>888</v>
      </c>
      <c r="AT24" s="1"/>
      <c r="AU24" s="1"/>
      <c r="AV24" s="1"/>
      <c r="AW24" s="1"/>
      <c r="AX24" s="1"/>
      <c r="AY24" s="1"/>
      <c r="AZ24" s="1"/>
      <c r="BA24" s="1"/>
      <c r="BB24" s="1" t="s">
        <v>895</v>
      </c>
      <c r="BC24" s="1">
        <v>3.9</v>
      </c>
      <c r="BD24" s="1">
        <v>3.9</v>
      </c>
      <c r="BE24" s="1"/>
      <c r="BF24" s="1"/>
      <c r="BG24" s="1"/>
      <c r="BH24" s="1"/>
      <c r="BI24" s="1"/>
      <c r="BJ24" s="1"/>
      <c r="BK24" s="1"/>
      <c r="BL24" s="1"/>
      <c r="BM24" s="1">
        <v>0.44</v>
      </c>
      <c r="BN24" s="1">
        <v>0.52</v>
      </c>
      <c r="BO24" s="1">
        <v>500</v>
      </c>
      <c r="BP24" s="1">
        <v>160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6666666666666663</v>
      </c>
      <c r="C25" s="1" t="s">
        <v>855</v>
      </c>
      <c r="D25" s="1" t="s">
        <v>85</v>
      </c>
      <c r="E25" s="1" t="s">
        <v>28</v>
      </c>
      <c r="F25" s="1" t="s">
        <v>194</v>
      </c>
      <c r="G25" s="1" t="s">
        <v>581</v>
      </c>
      <c r="H25" s="1" t="s">
        <v>54</v>
      </c>
      <c r="I25" s="1" t="s">
        <v>244</v>
      </c>
      <c r="J25" s="1" t="s">
        <v>33</v>
      </c>
      <c r="K25" s="1" t="s">
        <v>568</v>
      </c>
      <c r="L25" s="1" t="s">
        <v>34</v>
      </c>
      <c r="N25" s="1" t="s">
        <v>35</v>
      </c>
      <c r="O25" s="1" t="s">
        <v>278</v>
      </c>
      <c r="P25" s="1" t="s">
        <v>37</v>
      </c>
      <c r="Q25" s="1" t="s">
        <v>179</v>
      </c>
      <c r="R25" s="1" t="s">
        <v>156</v>
      </c>
      <c r="S25" s="1" t="s">
        <v>376</v>
      </c>
      <c r="T25" s="1" t="s">
        <v>60</v>
      </c>
      <c r="U25" s="1">
        <v>7.3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84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1666666666666663</v>
      </c>
      <c r="C26" s="1" t="s">
        <v>855</v>
      </c>
      <c r="D26" s="1" t="s">
        <v>164</v>
      </c>
      <c r="E26" s="1" t="s">
        <v>28</v>
      </c>
      <c r="F26" s="1" t="s">
        <v>250</v>
      </c>
      <c r="G26" s="1" t="s">
        <v>92</v>
      </c>
      <c r="H26" s="1" t="s">
        <v>100</v>
      </c>
      <c r="I26" s="1" t="s">
        <v>582</v>
      </c>
      <c r="J26" s="1" t="s">
        <v>345</v>
      </c>
      <c r="K26" s="1" t="s">
        <v>583</v>
      </c>
      <c r="L26" s="1" t="s">
        <v>34</v>
      </c>
      <c r="N26" s="1" t="s">
        <v>35</v>
      </c>
      <c r="O26" s="1" t="s">
        <v>278</v>
      </c>
      <c r="P26" s="1" t="s">
        <v>37</v>
      </c>
      <c r="Q26" s="1" t="s">
        <v>145</v>
      </c>
      <c r="R26" s="1" t="s">
        <v>149</v>
      </c>
      <c r="S26" s="1" t="s">
        <v>584</v>
      </c>
      <c r="T26" s="1" t="s">
        <v>41</v>
      </c>
      <c r="U26" s="1">
        <v>6.5</v>
      </c>
      <c r="V26" s="1"/>
      <c r="W26" s="1"/>
      <c r="X26" s="1">
        <v>5.2</v>
      </c>
      <c r="Y26" s="1">
        <v>0.65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450</v>
      </c>
      <c r="BP26" s="1">
        <v>1400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252</v>
      </c>
      <c r="B27" s="2">
        <v>0.16666666666666666</v>
      </c>
      <c r="C27" s="1" t="s">
        <v>855</v>
      </c>
      <c r="D27" s="1" t="s">
        <v>27</v>
      </c>
      <c r="E27" s="1" t="s">
        <v>28</v>
      </c>
      <c r="F27" s="1" t="s">
        <v>203</v>
      </c>
      <c r="G27" s="1" t="s">
        <v>107</v>
      </c>
      <c r="H27" s="1" t="s">
        <v>72</v>
      </c>
      <c r="I27" s="1" t="s">
        <v>556</v>
      </c>
      <c r="J27" s="1" t="s">
        <v>254</v>
      </c>
      <c r="K27" s="1" t="s">
        <v>585</v>
      </c>
      <c r="L27" s="1" t="s">
        <v>34</v>
      </c>
      <c r="N27" s="1" t="s">
        <v>35</v>
      </c>
      <c r="O27" s="1" t="s">
        <v>278</v>
      </c>
      <c r="P27" s="1" t="s">
        <v>37</v>
      </c>
      <c r="Q27" s="1" t="s">
        <v>145</v>
      </c>
      <c r="R27" s="1" t="s">
        <v>163</v>
      </c>
      <c r="S27" s="1" t="s">
        <v>341</v>
      </c>
      <c r="T27" s="1" t="s">
        <v>41</v>
      </c>
      <c r="U27" s="1">
        <v>4.7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20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56</v>
      </c>
      <c r="B28" s="2">
        <v>0.41666666666666669</v>
      </c>
      <c r="C28" s="1" t="s">
        <v>855</v>
      </c>
      <c r="D28" s="1" t="s">
        <v>27</v>
      </c>
      <c r="E28" s="1" t="s">
        <v>28</v>
      </c>
      <c r="F28" s="1" t="s">
        <v>586</v>
      </c>
      <c r="G28" s="1" t="s">
        <v>106</v>
      </c>
      <c r="H28" s="1" t="s">
        <v>139</v>
      </c>
      <c r="I28" s="1" t="s">
        <v>577</v>
      </c>
      <c r="J28" s="1" t="s">
        <v>224</v>
      </c>
      <c r="K28" s="1" t="s">
        <v>587</v>
      </c>
      <c r="L28" s="1" t="s">
        <v>34</v>
      </c>
      <c r="N28" s="1" t="s">
        <v>35</v>
      </c>
      <c r="O28" s="1" t="s">
        <v>278</v>
      </c>
      <c r="P28" s="1" t="s">
        <v>37</v>
      </c>
      <c r="Q28" s="1" t="s">
        <v>186</v>
      </c>
      <c r="R28" s="1" t="s">
        <v>90</v>
      </c>
      <c r="S28" s="1" t="s">
        <v>83</v>
      </c>
      <c r="T28" s="1" t="s">
        <v>60</v>
      </c>
      <c r="U28" s="1">
        <v>6.8</v>
      </c>
      <c r="V28" s="4">
        <v>7900</v>
      </c>
      <c r="W28" s="1"/>
      <c r="X28" s="1">
        <v>5</v>
      </c>
      <c r="Y28" s="1">
        <v>0.44</v>
      </c>
      <c r="Z28" s="1">
        <v>1.2999999999999999E-2</v>
      </c>
      <c r="AA28" t="s">
        <v>926</v>
      </c>
      <c r="AB28" t="s">
        <v>939</v>
      </c>
      <c r="AC28" s="1" t="s">
        <v>881</v>
      </c>
      <c r="AD28" s="1" t="s">
        <v>882</v>
      </c>
      <c r="AE28" s="1" t="s">
        <v>883</v>
      </c>
      <c r="AF28" s="1" t="s">
        <v>884</v>
      </c>
      <c r="AG28" s="1" t="s">
        <v>883</v>
      </c>
      <c r="AH28" s="1" t="s">
        <v>883</v>
      </c>
      <c r="AI28" s="1"/>
      <c r="AJ28" s="1"/>
      <c r="AK28" s="1"/>
      <c r="AL28" s="1" t="s">
        <v>888</v>
      </c>
      <c r="AM28" s="1"/>
      <c r="AN28" s="1"/>
      <c r="AO28" s="1"/>
      <c r="AP28" t="s">
        <v>888</v>
      </c>
      <c r="AQ28" s="1"/>
      <c r="AR28" s="1" t="s">
        <v>888</v>
      </c>
      <c r="AS28" s="1" t="s">
        <v>888</v>
      </c>
      <c r="AT28" s="1"/>
      <c r="AU28" s="1"/>
      <c r="AV28" s="1"/>
      <c r="AW28" s="1"/>
      <c r="AX28" s="1"/>
      <c r="AY28" s="1"/>
      <c r="AZ28" s="1" t="s">
        <v>893</v>
      </c>
      <c r="BA28" s="1">
        <v>4.5999999999999999E-2</v>
      </c>
      <c r="BB28" s="1">
        <v>0.12</v>
      </c>
      <c r="BC28" s="1">
        <v>4.2</v>
      </c>
      <c r="BD28" s="1">
        <v>4.3</v>
      </c>
      <c r="BF28" s="1" t="s">
        <v>885</v>
      </c>
      <c r="BG28" s="1">
        <v>1.8E-3</v>
      </c>
      <c r="BH28" s="1" t="s">
        <v>884</v>
      </c>
      <c r="BI28" s="1" t="s">
        <v>882</v>
      </c>
      <c r="BJ28" s="1"/>
      <c r="BK28" s="1"/>
      <c r="BL28" s="1"/>
      <c r="BM28" s="1" t="s">
        <v>900</v>
      </c>
      <c r="BN28" s="1">
        <v>0.39</v>
      </c>
      <c r="BO28" s="1">
        <v>40</v>
      </c>
      <c r="BP28" s="1">
        <v>39</v>
      </c>
      <c r="BQ28" s="1"/>
      <c r="BR28" s="1" t="s">
        <v>90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875</v>
      </c>
      <c r="C29" s="1" t="s">
        <v>855</v>
      </c>
      <c r="D29" s="1" t="s">
        <v>85</v>
      </c>
      <c r="E29" s="1" t="s">
        <v>28</v>
      </c>
      <c r="F29" s="1" t="s">
        <v>588</v>
      </c>
      <c r="G29" s="1" t="s">
        <v>246</v>
      </c>
      <c r="H29" s="1" t="s">
        <v>47</v>
      </c>
      <c r="I29" s="1" t="s">
        <v>589</v>
      </c>
      <c r="J29" s="1" t="s">
        <v>276</v>
      </c>
      <c r="K29" s="1" t="s">
        <v>590</v>
      </c>
      <c r="L29" s="1" t="s">
        <v>34</v>
      </c>
      <c r="N29" s="1" t="s">
        <v>35</v>
      </c>
      <c r="O29" s="1" t="s">
        <v>278</v>
      </c>
      <c r="P29" s="1" t="s">
        <v>37</v>
      </c>
      <c r="Q29" s="1" t="s">
        <v>186</v>
      </c>
      <c r="R29" s="1" t="s">
        <v>151</v>
      </c>
      <c r="S29" s="1" t="s">
        <v>122</v>
      </c>
      <c r="T29" s="1" t="s">
        <v>41</v>
      </c>
      <c r="U29" s="1">
        <v>7.8</v>
      </c>
      <c r="V29" s="1"/>
      <c r="W29" s="1"/>
      <c r="X29" s="1"/>
      <c r="Y29" s="1"/>
      <c r="Z29" s="1"/>
      <c r="AA29" t="s">
        <v>928</v>
      </c>
      <c r="AB29" t="s">
        <v>928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59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1666666666666663</v>
      </c>
      <c r="C30" s="1" t="s">
        <v>855</v>
      </c>
      <c r="D30" s="1" t="s">
        <v>85</v>
      </c>
      <c r="E30" s="1" t="s">
        <v>28</v>
      </c>
      <c r="F30" s="1" t="s">
        <v>591</v>
      </c>
      <c r="G30" s="1" t="s">
        <v>375</v>
      </c>
      <c r="H30" s="1" t="s">
        <v>126</v>
      </c>
      <c r="I30" s="1" t="s">
        <v>592</v>
      </c>
      <c r="J30" s="1" t="s">
        <v>331</v>
      </c>
      <c r="K30" s="1" t="s">
        <v>593</v>
      </c>
      <c r="L30" s="1" t="s">
        <v>34</v>
      </c>
      <c r="N30" s="1" t="s">
        <v>35</v>
      </c>
      <c r="O30" s="1" t="s">
        <v>278</v>
      </c>
      <c r="P30" s="1" t="s">
        <v>37</v>
      </c>
      <c r="Q30" s="1" t="s">
        <v>186</v>
      </c>
      <c r="R30" s="1" t="s">
        <v>115</v>
      </c>
      <c r="S30" s="1" t="s">
        <v>149</v>
      </c>
      <c r="T30" s="1" t="s">
        <v>41</v>
      </c>
      <c r="U30" s="1">
        <v>7</v>
      </c>
      <c r="V30" s="1"/>
      <c r="W30" s="1"/>
      <c r="X30" s="1">
        <v>6.3</v>
      </c>
      <c r="Y30" s="1">
        <v>0.44</v>
      </c>
      <c r="Z30" s="1"/>
      <c r="AA30" t="s">
        <v>928</v>
      </c>
      <c r="AB30" t="s">
        <v>928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40</v>
      </c>
      <c r="BP30" s="1">
        <v>38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66</v>
      </c>
      <c r="B31" s="2">
        <v>0.16666666666666666</v>
      </c>
      <c r="C31" s="1" t="s">
        <v>855</v>
      </c>
      <c r="D31" s="1" t="s">
        <v>85</v>
      </c>
      <c r="E31" s="1" t="s">
        <v>28</v>
      </c>
      <c r="F31" s="1" t="s">
        <v>594</v>
      </c>
      <c r="G31" s="1" t="s">
        <v>106</v>
      </c>
      <c r="H31" s="1" t="s">
        <v>100</v>
      </c>
      <c r="I31" s="1" t="s">
        <v>595</v>
      </c>
      <c r="J31" s="1" t="s">
        <v>100</v>
      </c>
      <c r="K31" s="1" t="s">
        <v>486</v>
      </c>
      <c r="L31" s="1" t="s">
        <v>34</v>
      </c>
      <c r="N31" s="1" t="s">
        <v>35</v>
      </c>
      <c r="O31" s="1" t="s">
        <v>278</v>
      </c>
      <c r="P31" s="1" t="s">
        <v>37</v>
      </c>
      <c r="Q31" s="1" t="s">
        <v>186</v>
      </c>
      <c r="R31" s="1" t="s">
        <v>39</v>
      </c>
      <c r="S31" s="1" t="s">
        <v>279</v>
      </c>
      <c r="T31" s="1" t="s">
        <v>174</v>
      </c>
      <c r="U31" s="1">
        <v>5.9</v>
      </c>
      <c r="V31" s="1"/>
      <c r="W31" s="1"/>
      <c r="X31" s="1"/>
      <c r="Y31" s="1"/>
      <c r="Z31" s="1"/>
      <c r="AA31" t="s">
        <v>928</v>
      </c>
      <c r="AB31" t="s">
        <v>928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59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68</v>
      </c>
      <c r="B32" s="2">
        <v>0.41666666666666669</v>
      </c>
      <c r="C32" s="1" t="s">
        <v>855</v>
      </c>
      <c r="D32" s="1" t="s">
        <v>27</v>
      </c>
      <c r="E32" s="1" t="s">
        <v>474</v>
      </c>
      <c r="F32" s="1" t="s">
        <v>250</v>
      </c>
      <c r="G32" s="1" t="s">
        <v>249</v>
      </c>
      <c r="H32" s="1" t="s">
        <v>73</v>
      </c>
      <c r="I32" s="1" t="s">
        <v>596</v>
      </c>
      <c r="J32" s="1" t="s">
        <v>302</v>
      </c>
      <c r="K32" s="1" t="s">
        <v>597</v>
      </c>
      <c r="L32" s="1" t="s">
        <v>34</v>
      </c>
      <c r="N32" s="1" t="s">
        <v>35</v>
      </c>
      <c r="O32" s="1" t="s">
        <v>278</v>
      </c>
      <c r="P32" s="1" t="s">
        <v>37</v>
      </c>
      <c r="Q32" s="1" t="s">
        <v>296</v>
      </c>
      <c r="R32" s="1" t="s">
        <v>115</v>
      </c>
      <c r="S32" s="1" t="s">
        <v>376</v>
      </c>
      <c r="T32" s="1" t="s">
        <v>286</v>
      </c>
      <c r="U32" s="1">
        <v>6.3</v>
      </c>
      <c r="V32" s="4">
        <v>79000</v>
      </c>
      <c r="W32" s="1"/>
      <c r="X32" s="1">
        <v>4.4000000000000004</v>
      </c>
      <c r="Y32" s="1">
        <v>0.37</v>
      </c>
      <c r="Z32" s="1">
        <v>1.9E-2</v>
      </c>
      <c r="AA32" t="s">
        <v>926</v>
      </c>
      <c r="AB32" t="s">
        <v>950</v>
      </c>
      <c r="AC32" s="1" t="s">
        <v>881</v>
      </c>
      <c r="AD32" s="1" t="s">
        <v>882</v>
      </c>
      <c r="AE32" s="1" t="s">
        <v>883</v>
      </c>
      <c r="AF32" s="1" t="s">
        <v>884</v>
      </c>
      <c r="AG32" s="1" t="s">
        <v>883</v>
      </c>
      <c r="AH32" s="1" t="s">
        <v>883</v>
      </c>
      <c r="AI32" s="1"/>
      <c r="AJ32" s="1"/>
      <c r="AK32" s="1"/>
      <c r="AL32" s="1" t="s">
        <v>888</v>
      </c>
      <c r="AM32" s="1"/>
      <c r="AN32" s="1"/>
      <c r="AO32" s="1"/>
      <c r="AP32" t="s">
        <v>888</v>
      </c>
      <c r="AQ32" s="1"/>
      <c r="AR32" s="1" t="s">
        <v>888</v>
      </c>
      <c r="AS32" s="1" t="s">
        <v>888</v>
      </c>
      <c r="AT32" s="1"/>
      <c r="AU32" s="1"/>
      <c r="AV32" s="1"/>
      <c r="AW32" s="1"/>
      <c r="AX32" s="1"/>
      <c r="AY32" s="1"/>
      <c r="AZ32" s="1"/>
      <c r="BA32" s="1"/>
      <c r="BB32" s="1">
        <v>0.13</v>
      </c>
      <c r="BC32" s="1">
        <v>3.4</v>
      </c>
      <c r="BD32" s="1">
        <v>3.5</v>
      </c>
      <c r="BF32" s="1"/>
      <c r="BG32" s="1"/>
      <c r="BH32" s="1"/>
      <c r="BI32" s="1"/>
      <c r="BJ32" s="1"/>
      <c r="BK32" s="1"/>
      <c r="BL32" s="1"/>
      <c r="BM32" s="1">
        <v>0.04</v>
      </c>
      <c r="BN32" s="1">
        <v>0.33</v>
      </c>
      <c r="BO32" s="1">
        <v>130</v>
      </c>
      <c r="BP32" s="1">
        <v>300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6666666666666663</v>
      </c>
      <c r="C33" s="1" t="s">
        <v>855</v>
      </c>
      <c r="D33" s="1" t="s">
        <v>27</v>
      </c>
      <c r="E33" s="1" t="s">
        <v>474</v>
      </c>
      <c r="F33" s="1" t="s">
        <v>392</v>
      </c>
      <c r="G33" s="1" t="s">
        <v>250</v>
      </c>
      <c r="H33" s="1" t="s">
        <v>55</v>
      </c>
      <c r="I33" s="1" t="s">
        <v>598</v>
      </c>
      <c r="J33" s="1" t="s">
        <v>243</v>
      </c>
      <c r="K33" s="1" t="s">
        <v>599</v>
      </c>
      <c r="L33" s="1" t="s">
        <v>34</v>
      </c>
      <c r="N33" s="1" t="s">
        <v>35</v>
      </c>
      <c r="O33" s="1" t="s">
        <v>278</v>
      </c>
      <c r="P33" s="1" t="s">
        <v>37</v>
      </c>
      <c r="Q33" s="1" t="s">
        <v>145</v>
      </c>
      <c r="R33" s="1" t="s">
        <v>173</v>
      </c>
      <c r="S33" s="1" t="s">
        <v>147</v>
      </c>
      <c r="T33" s="1" t="s">
        <v>286</v>
      </c>
      <c r="U33" s="1">
        <v>7.7</v>
      </c>
      <c r="V33" s="1"/>
      <c r="W33" s="1"/>
      <c r="X33" s="1"/>
      <c r="Y33" s="1"/>
      <c r="Z33" s="1"/>
      <c r="AA33" t="s">
        <v>928</v>
      </c>
      <c r="AB33" t="s">
        <v>928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180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1666666666666663</v>
      </c>
      <c r="C34" s="1" t="s">
        <v>855</v>
      </c>
      <c r="D34" s="1" t="s">
        <v>27</v>
      </c>
      <c r="E34" s="1" t="s">
        <v>474</v>
      </c>
      <c r="F34" s="1" t="s">
        <v>176</v>
      </c>
      <c r="G34" s="1" t="s">
        <v>29</v>
      </c>
      <c r="H34" s="1" t="s">
        <v>100</v>
      </c>
      <c r="I34" s="1" t="s">
        <v>600</v>
      </c>
      <c r="J34" s="1" t="s">
        <v>132</v>
      </c>
      <c r="K34" s="1" t="s">
        <v>601</v>
      </c>
      <c r="L34" s="1" t="s">
        <v>34</v>
      </c>
      <c r="N34" s="1" t="s">
        <v>35</v>
      </c>
      <c r="O34" s="1" t="s">
        <v>278</v>
      </c>
      <c r="P34" s="1" t="s">
        <v>37</v>
      </c>
      <c r="Q34" s="1" t="s">
        <v>145</v>
      </c>
      <c r="R34" s="1" t="s">
        <v>146</v>
      </c>
      <c r="S34" s="1" t="s">
        <v>376</v>
      </c>
      <c r="T34" s="1" t="s">
        <v>129</v>
      </c>
      <c r="U34" s="1">
        <v>6.4</v>
      </c>
      <c r="V34" s="1"/>
      <c r="W34" s="1"/>
      <c r="X34" s="1">
        <v>5.5</v>
      </c>
      <c r="Y34" s="1">
        <v>0.61</v>
      </c>
      <c r="Z34" s="1"/>
      <c r="AA34" t="s">
        <v>928</v>
      </c>
      <c r="AB34" t="s">
        <v>928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290</v>
      </c>
      <c r="BP34" s="1">
        <v>820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72</v>
      </c>
      <c r="B35" s="2">
        <v>0.16666666666666666</v>
      </c>
      <c r="C35" s="1" t="s">
        <v>855</v>
      </c>
      <c r="D35" s="1" t="s">
        <v>27</v>
      </c>
      <c r="E35" s="1" t="s">
        <v>474</v>
      </c>
      <c r="F35" s="1" t="s">
        <v>117</v>
      </c>
      <c r="G35" s="1" t="s">
        <v>325</v>
      </c>
      <c r="H35" s="1" t="s">
        <v>31</v>
      </c>
      <c r="I35" s="1" t="s">
        <v>568</v>
      </c>
      <c r="J35" s="1" t="s">
        <v>331</v>
      </c>
      <c r="K35" s="1" t="s">
        <v>396</v>
      </c>
      <c r="L35" s="1" t="s">
        <v>34</v>
      </c>
      <c r="N35" s="1" t="s">
        <v>35</v>
      </c>
      <c r="O35" s="1" t="s">
        <v>278</v>
      </c>
      <c r="P35" s="1" t="s">
        <v>37</v>
      </c>
      <c r="Q35" s="1" t="s">
        <v>191</v>
      </c>
      <c r="R35" s="1" t="s">
        <v>181</v>
      </c>
      <c r="S35" s="1" t="s">
        <v>287</v>
      </c>
      <c r="T35" s="1" t="s">
        <v>68</v>
      </c>
      <c r="U35" s="1">
        <v>6.1</v>
      </c>
      <c r="V35" s="1"/>
      <c r="W35" s="1"/>
      <c r="X35" s="1"/>
      <c r="Y35" s="1"/>
      <c r="Z35" s="1"/>
      <c r="AA35" t="s">
        <v>928</v>
      </c>
      <c r="AB35" t="s">
        <v>928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95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37</v>
      </c>
      <c r="B36" s="2">
        <v>0.41666666666666669</v>
      </c>
      <c r="C36" s="1" t="s">
        <v>855</v>
      </c>
      <c r="D36" s="1" t="s">
        <v>27</v>
      </c>
      <c r="E36" s="1" t="s">
        <v>856</v>
      </c>
      <c r="F36" s="1" t="s">
        <v>183</v>
      </c>
      <c r="G36" s="1" t="s">
        <v>203</v>
      </c>
      <c r="H36" s="1" t="s">
        <v>160</v>
      </c>
      <c r="I36" s="1" t="s">
        <v>602</v>
      </c>
      <c r="J36" s="1" t="s">
        <v>309</v>
      </c>
      <c r="K36" s="1" t="s">
        <v>603</v>
      </c>
      <c r="L36" s="1" t="s">
        <v>604</v>
      </c>
      <c r="N36" s="1" t="s">
        <v>35</v>
      </c>
      <c r="O36" s="1" t="s">
        <v>278</v>
      </c>
      <c r="P36" s="1" t="s">
        <v>37</v>
      </c>
      <c r="Q36" s="1" t="s">
        <v>145</v>
      </c>
      <c r="R36" s="1" t="s">
        <v>226</v>
      </c>
      <c r="S36" s="1" t="s">
        <v>452</v>
      </c>
      <c r="T36" s="1" t="s">
        <v>605</v>
      </c>
      <c r="U36" s="1">
        <v>6</v>
      </c>
      <c r="V36" s="4">
        <v>130000</v>
      </c>
      <c r="W36" s="1"/>
      <c r="X36" s="1">
        <v>4.9000000000000004</v>
      </c>
      <c r="Y36" s="1">
        <v>0.44</v>
      </c>
      <c r="Z36" s="1">
        <v>1.9E-2</v>
      </c>
      <c r="AA36" t="s">
        <v>926</v>
      </c>
      <c r="AB36" t="s">
        <v>951</v>
      </c>
      <c r="AC36" s="1" t="s">
        <v>881</v>
      </c>
      <c r="AD36" s="1" t="s">
        <v>882</v>
      </c>
      <c r="AE36" s="1" t="s">
        <v>883</v>
      </c>
      <c r="AF36" s="1" t="s">
        <v>884</v>
      </c>
      <c r="AG36" s="1" t="s">
        <v>883</v>
      </c>
      <c r="AH36" s="1" t="s">
        <v>883</v>
      </c>
      <c r="AI36" s="1"/>
      <c r="AJ36" s="1"/>
      <c r="AK36" s="1"/>
      <c r="AL36" s="1" t="s">
        <v>888</v>
      </c>
      <c r="AM36" s="1"/>
      <c r="AN36" s="1"/>
      <c r="AO36" s="1"/>
      <c r="AP36" t="s">
        <v>888</v>
      </c>
      <c r="AQ36" s="1"/>
      <c r="AR36" s="1" t="s">
        <v>888</v>
      </c>
      <c r="AS36" s="1" t="s">
        <v>888</v>
      </c>
      <c r="AT36" s="1"/>
      <c r="AU36" s="1"/>
      <c r="AV36" s="1"/>
      <c r="AW36" s="1"/>
      <c r="AX36" s="1"/>
      <c r="AY36" s="1"/>
      <c r="AZ36" s="1" t="s">
        <v>893</v>
      </c>
      <c r="BA36" s="1">
        <v>8.8999999999999996E-2</v>
      </c>
      <c r="BB36" s="1">
        <v>0.24</v>
      </c>
      <c r="BC36" s="1">
        <v>3.9</v>
      </c>
      <c r="BD36" s="1">
        <v>4.0999999999999996</v>
      </c>
      <c r="BF36" s="1" t="s">
        <v>885</v>
      </c>
      <c r="BG36" s="1">
        <v>3.8999999999999998E-3</v>
      </c>
      <c r="BH36" s="1" t="s">
        <v>884</v>
      </c>
      <c r="BI36" s="1" t="s">
        <v>882</v>
      </c>
      <c r="BJ36" s="1"/>
      <c r="BK36" s="1"/>
      <c r="BL36" s="1"/>
      <c r="BM36" s="1" t="s">
        <v>900</v>
      </c>
      <c r="BN36" s="1">
        <v>0.39</v>
      </c>
      <c r="BO36" s="1">
        <v>97</v>
      </c>
      <c r="BP36" s="1">
        <v>220</v>
      </c>
      <c r="BQ36" s="1"/>
      <c r="BR36" s="1" t="s">
        <v>90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6666666666666663</v>
      </c>
      <c r="C37" s="1" t="s">
        <v>855</v>
      </c>
      <c r="D37" s="1" t="s">
        <v>85</v>
      </c>
      <c r="E37" s="1" t="s">
        <v>856</v>
      </c>
      <c r="F37" s="1" t="s">
        <v>43</v>
      </c>
      <c r="G37" s="1" t="s">
        <v>249</v>
      </c>
      <c r="H37" s="1" t="s">
        <v>55</v>
      </c>
      <c r="I37" s="1" t="s">
        <v>606</v>
      </c>
      <c r="J37" s="1" t="s">
        <v>254</v>
      </c>
      <c r="K37" s="1" t="s">
        <v>585</v>
      </c>
      <c r="L37" s="1" t="s">
        <v>477</v>
      </c>
      <c r="N37" s="1" t="s">
        <v>35</v>
      </c>
      <c r="O37" s="1" t="s">
        <v>278</v>
      </c>
      <c r="P37" s="1" t="s">
        <v>37</v>
      </c>
      <c r="Q37" s="1" t="s">
        <v>145</v>
      </c>
      <c r="R37" s="1" t="s">
        <v>149</v>
      </c>
      <c r="S37" s="1" t="s">
        <v>361</v>
      </c>
      <c r="T37" s="1" t="s">
        <v>286</v>
      </c>
      <c r="U37" s="1">
        <v>7.2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250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1666666666666663</v>
      </c>
      <c r="C38" s="1" t="s">
        <v>855</v>
      </c>
      <c r="D38" s="1" t="s">
        <v>85</v>
      </c>
      <c r="E38" s="1" t="s">
        <v>856</v>
      </c>
      <c r="F38" s="1" t="s">
        <v>175</v>
      </c>
      <c r="G38" s="1" t="s">
        <v>203</v>
      </c>
      <c r="H38" s="1" t="s">
        <v>126</v>
      </c>
      <c r="I38" s="1" t="s">
        <v>572</v>
      </c>
      <c r="J38" s="1" t="s">
        <v>78</v>
      </c>
      <c r="K38" s="1" t="s">
        <v>607</v>
      </c>
      <c r="L38" s="1" t="s">
        <v>95</v>
      </c>
      <c r="N38" s="1" t="s">
        <v>35</v>
      </c>
      <c r="O38" s="1" t="s">
        <v>278</v>
      </c>
      <c r="P38" s="1" t="s">
        <v>37</v>
      </c>
      <c r="Q38" s="1" t="s">
        <v>145</v>
      </c>
      <c r="R38" s="1" t="s">
        <v>40</v>
      </c>
      <c r="S38" s="1" t="s">
        <v>378</v>
      </c>
      <c r="T38" s="1" t="s">
        <v>174</v>
      </c>
      <c r="U38" s="1">
        <v>6.2</v>
      </c>
      <c r="V38" s="1"/>
      <c r="W38" s="1"/>
      <c r="X38" s="1">
        <v>5.8</v>
      </c>
      <c r="Y38" s="1">
        <v>0.69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96</v>
      </c>
      <c r="BP38" s="1">
        <v>210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84</v>
      </c>
      <c r="B39" s="2">
        <v>0.16666666666666666</v>
      </c>
      <c r="C39" s="1" t="s">
        <v>855</v>
      </c>
      <c r="D39" s="1" t="s">
        <v>85</v>
      </c>
      <c r="E39" s="1" t="s">
        <v>856</v>
      </c>
      <c r="F39" s="1" t="s">
        <v>166</v>
      </c>
      <c r="G39" s="1" t="s">
        <v>43</v>
      </c>
      <c r="H39" s="1" t="s">
        <v>45</v>
      </c>
      <c r="I39" s="1" t="s">
        <v>608</v>
      </c>
      <c r="J39" s="1" t="s">
        <v>208</v>
      </c>
      <c r="K39" s="1" t="s">
        <v>554</v>
      </c>
      <c r="L39" s="1" t="s">
        <v>34</v>
      </c>
      <c r="N39" s="1" t="s">
        <v>35</v>
      </c>
      <c r="O39" s="1" t="s">
        <v>278</v>
      </c>
      <c r="P39" s="1" t="s">
        <v>37</v>
      </c>
      <c r="Q39" s="1" t="s">
        <v>191</v>
      </c>
      <c r="R39" s="1" t="s">
        <v>341</v>
      </c>
      <c r="S39" s="1" t="s">
        <v>157</v>
      </c>
      <c r="T39" s="1" t="s">
        <v>41</v>
      </c>
      <c r="U39" s="1">
        <v>6.2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190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44</v>
      </c>
      <c r="B40" s="2">
        <v>0.41666666666666669</v>
      </c>
      <c r="C40" s="1" t="s">
        <v>855</v>
      </c>
      <c r="D40" s="1" t="s">
        <v>27</v>
      </c>
      <c r="E40" s="1" t="s">
        <v>28</v>
      </c>
      <c r="F40" s="1" t="s">
        <v>288</v>
      </c>
      <c r="G40" s="1" t="s">
        <v>130</v>
      </c>
      <c r="H40" s="1" t="s">
        <v>119</v>
      </c>
      <c r="I40" s="1" t="s">
        <v>609</v>
      </c>
      <c r="J40" s="1" t="s">
        <v>258</v>
      </c>
      <c r="K40" s="1" t="s">
        <v>575</v>
      </c>
      <c r="L40" s="1" t="s">
        <v>34</v>
      </c>
      <c r="N40" s="1" t="s">
        <v>35</v>
      </c>
      <c r="O40" s="1" t="s">
        <v>278</v>
      </c>
      <c r="P40" s="1" t="s">
        <v>37</v>
      </c>
      <c r="Q40" s="1" t="s">
        <v>145</v>
      </c>
      <c r="R40" s="1" t="s">
        <v>192</v>
      </c>
      <c r="S40" s="1" t="s">
        <v>445</v>
      </c>
      <c r="T40" s="1" t="s">
        <v>60</v>
      </c>
      <c r="U40" s="1">
        <v>6.9</v>
      </c>
      <c r="V40" s="4">
        <v>23000</v>
      </c>
      <c r="W40" s="1"/>
      <c r="X40" s="1">
        <v>8</v>
      </c>
      <c r="Y40" s="1">
        <v>0.87</v>
      </c>
      <c r="Z40" s="1">
        <v>2.4E-2</v>
      </c>
      <c r="AA40" t="s">
        <v>926</v>
      </c>
      <c r="AB40" t="s">
        <v>936</v>
      </c>
      <c r="AC40" s="1" t="s">
        <v>881</v>
      </c>
      <c r="AD40" s="1" t="s">
        <v>882</v>
      </c>
      <c r="AE40" s="1" t="s">
        <v>883</v>
      </c>
      <c r="AF40" s="1" t="s">
        <v>884</v>
      </c>
      <c r="AG40" s="1">
        <v>5.0000000000000001E-4</v>
      </c>
      <c r="AH40" s="1" t="s">
        <v>883</v>
      </c>
      <c r="AI40" s="1"/>
      <c r="AJ40" s="1"/>
      <c r="AK40" s="1"/>
      <c r="AL40" s="1" t="s">
        <v>888</v>
      </c>
      <c r="AM40" s="1"/>
      <c r="AN40" s="1"/>
      <c r="AO40" s="1"/>
      <c r="AP40" t="s">
        <v>888</v>
      </c>
      <c r="AQ40" s="1"/>
      <c r="AR40" s="1" t="s">
        <v>888</v>
      </c>
      <c r="AS40" s="1" t="s">
        <v>888</v>
      </c>
      <c r="AT40" s="1"/>
      <c r="AU40" s="1"/>
      <c r="AV40" s="1"/>
      <c r="AW40" s="1"/>
      <c r="AX40" s="1"/>
      <c r="AY40" s="1"/>
      <c r="AZ40" s="1"/>
      <c r="BA40" s="1"/>
      <c r="BB40" s="1" t="s">
        <v>895</v>
      </c>
      <c r="BC40" s="1">
        <v>6.4</v>
      </c>
      <c r="BD40" s="1">
        <v>6.4</v>
      </c>
      <c r="BF40" s="1"/>
      <c r="BG40" s="1"/>
      <c r="BH40" s="1"/>
      <c r="BI40" s="1"/>
      <c r="BJ40" s="1"/>
      <c r="BK40" s="1"/>
      <c r="BL40" s="1"/>
      <c r="BM40" s="1">
        <v>0.82</v>
      </c>
      <c r="BN40" s="1">
        <v>0.79</v>
      </c>
      <c r="BO40" s="1">
        <v>640</v>
      </c>
      <c r="BP40" s="1">
        <v>2100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6666666666666663</v>
      </c>
      <c r="C41" s="1" t="s">
        <v>855</v>
      </c>
      <c r="D41" s="1" t="s">
        <v>27</v>
      </c>
      <c r="E41" s="1" t="s">
        <v>28</v>
      </c>
      <c r="F41" s="1" t="s">
        <v>288</v>
      </c>
      <c r="G41" s="1" t="s">
        <v>273</v>
      </c>
      <c r="H41" s="1" t="s">
        <v>44</v>
      </c>
      <c r="I41" s="1" t="s">
        <v>610</v>
      </c>
      <c r="J41" s="1" t="s">
        <v>345</v>
      </c>
      <c r="K41" s="1" t="s">
        <v>363</v>
      </c>
      <c r="L41" s="1" t="s">
        <v>34</v>
      </c>
      <c r="N41" s="1" t="s">
        <v>35</v>
      </c>
      <c r="O41" s="1" t="s">
        <v>278</v>
      </c>
      <c r="P41" s="1" t="s">
        <v>37</v>
      </c>
      <c r="Q41" s="1" t="s">
        <v>186</v>
      </c>
      <c r="R41" s="1" t="s">
        <v>109</v>
      </c>
      <c r="S41" s="1" t="s">
        <v>313</v>
      </c>
      <c r="T41" s="1" t="s">
        <v>60</v>
      </c>
      <c r="U41" s="1">
        <v>8.1999999999999993</v>
      </c>
      <c r="V41" s="1"/>
      <c r="W41" s="1"/>
      <c r="X41" s="1"/>
      <c r="Y41" s="1"/>
      <c r="Z41" s="1"/>
      <c r="AA41" t="s">
        <v>928</v>
      </c>
      <c r="AB41" t="s">
        <v>928</v>
      </c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360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1666666666666663</v>
      </c>
      <c r="C42" s="1" t="s">
        <v>855</v>
      </c>
      <c r="D42" s="1" t="s">
        <v>27</v>
      </c>
      <c r="E42" s="1" t="s">
        <v>28</v>
      </c>
      <c r="F42" s="1" t="s">
        <v>156</v>
      </c>
      <c r="G42" s="1" t="s">
        <v>130</v>
      </c>
      <c r="H42" s="1" t="s">
        <v>65</v>
      </c>
      <c r="I42" s="1" t="s">
        <v>611</v>
      </c>
      <c r="J42" s="1" t="s">
        <v>88</v>
      </c>
      <c r="K42" s="1" t="s">
        <v>612</v>
      </c>
      <c r="L42" s="1" t="s">
        <v>34</v>
      </c>
      <c r="N42" s="1" t="s">
        <v>35</v>
      </c>
      <c r="O42" s="1" t="s">
        <v>278</v>
      </c>
      <c r="P42" s="1" t="s">
        <v>37</v>
      </c>
      <c r="Q42" s="1" t="s">
        <v>186</v>
      </c>
      <c r="R42" s="1" t="s">
        <v>181</v>
      </c>
      <c r="S42" s="1" t="s">
        <v>141</v>
      </c>
      <c r="T42" s="1" t="s">
        <v>41</v>
      </c>
      <c r="U42" s="1">
        <v>8</v>
      </c>
      <c r="V42" s="1"/>
      <c r="W42" s="1"/>
      <c r="X42" s="1">
        <v>7.4</v>
      </c>
      <c r="Y42" s="1">
        <v>0.92</v>
      </c>
      <c r="Z42" s="1"/>
      <c r="AA42" t="s">
        <v>928</v>
      </c>
      <c r="AB42" t="s">
        <v>928</v>
      </c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620</v>
      </c>
      <c r="BP42" s="1">
        <v>1900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93</v>
      </c>
      <c r="B43" s="2">
        <v>0.16666666666666666</v>
      </c>
      <c r="C43" s="1" t="s">
        <v>855</v>
      </c>
      <c r="D43" s="1" t="s">
        <v>27</v>
      </c>
      <c r="E43" s="1" t="s">
        <v>28</v>
      </c>
      <c r="F43" s="1" t="s">
        <v>39</v>
      </c>
      <c r="G43" s="1" t="s">
        <v>153</v>
      </c>
      <c r="H43" s="1" t="s">
        <v>119</v>
      </c>
      <c r="I43" s="1" t="s">
        <v>613</v>
      </c>
      <c r="J43" s="1" t="s">
        <v>276</v>
      </c>
      <c r="K43" s="1" t="s">
        <v>482</v>
      </c>
      <c r="L43" s="1" t="s">
        <v>34</v>
      </c>
      <c r="N43" s="1" t="s">
        <v>35</v>
      </c>
      <c r="O43" s="1" t="s">
        <v>278</v>
      </c>
      <c r="P43" s="1" t="s">
        <v>37</v>
      </c>
      <c r="Q43" s="1" t="s">
        <v>145</v>
      </c>
      <c r="R43" s="1" t="s">
        <v>338</v>
      </c>
      <c r="S43" s="1" t="s">
        <v>408</v>
      </c>
      <c r="T43" s="1" t="s">
        <v>41</v>
      </c>
      <c r="U43" s="1">
        <v>6.6</v>
      </c>
      <c r="V43" s="1"/>
      <c r="W43" s="1"/>
      <c r="X43" s="1"/>
      <c r="Y43" s="1"/>
      <c r="Z43" s="1"/>
      <c r="AA43" t="s">
        <v>928</v>
      </c>
      <c r="AB43" t="s">
        <v>928</v>
      </c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74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95</v>
      </c>
      <c r="B44" s="2">
        <v>0.41666666666666669</v>
      </c>
      <c r="C44" s="1" t="s">
        <v>855</v>
      </c>
      <c r="D44" s="1" t="s">
        <v>85</v>
      </c>
      <c r="E44" s="1" t="s">
        <v>28</v>
      </c>
      <c r="F44" s="1" t="s">
        <v>444</v>
      </c>
      <c r="G44" s="1" t="s">
        <v>273</v>
      </c>
      <c r="H44" s="1" t="s">
        <v>119</v>
      </c>
      <c r="I44" s="1" t="s">
        <v>614</v>
      </c>
      <c r="J44" s="1" t="s">
        <v>33</v>
      </c>
      <c r="K44" s="1" t="s">
        <v>568</v>
      </c>
      <c r="L44" s="1" t="s">
        <v>34</v>
      </c>
      <c r="N44" s="1" t="s">
        <v>35</v>
      </c>
      <c r="O44" s="1" t="s">
        <v>278</v>
      </c>
      <c r="P44" s="1" t="s">
        <v>37</v>
      </c>
      <c r="Q44" s="1" t="s">
        <v>394</v>
      </c>
      <c r="R44" s="1" t="s">
        <v>303</v>
      </c>
      <c r="S44" s="1" t="s">
        <v>157</v>
      </c>
      <c r="T44" s="1" t="s">
        <v>68</v>
      </c>
      <c r="U44" s="1">
        <v>6.9</v>
      </c>
      <c r="V44" s="4">
        <v>17000</v>
      </c>
      <c r="W44" s="1" t="s">
        <v>887</v>
      </c>
      <c r="X44" s="1">
        <v>8.9</v>
      </c>
      <c r="Y44" s="1">
        <v>0.87</v>
      </c>
      <c r="Z44" s="1">
        <v>0.03</v>
      </c>
      <c r="AA44" t="s">
        <v>926</v>
      </c>
      <c r="AB44" t="s">
        <v>952</v>
      </c>
      <c r="AC44" s="1" t="s">
        <v>881</v>
      </c>
      <c r="AD44" s="1" t="s">
        <v>882</v>
      </c>
      <c r="AE44" s="1" t="s">
        <v>883</v>
      </c>
      <c r="AF44" s="1" t="s">
        <v>884</v>
      </c>
      <c r="AG44" s="1" t="s">
        <v>883</v>
      </c>
      <c r="AH44" s="1" t="s">
        <v>883</v>
      </c>
      <c r="AI44" s="1"/>
      <c r="AJ44" s="1" t="s">
        <v>883</v>
      </c>
      <c r="AK44" s="1" t="s">
        <v>888</v>
      </c>
      <c r="AL44" s="1" t="s">
        <v>888</v>
      </c>
      <c r="AM44" s="1" t="s">
        <v>888</v>
      </c>
      <c r="AN44" s="1" t="s">
        <v>888</v>
      </c>
      <c r="AO44" s="1" t="s">
        <v>888</v>
      </c>
      <c r="AP44" t="s">
        <v>888</v>
      </c>
      <c r="AQ44" s="1" t="s">
        <v>888</v>
      </c>
      <c r="AR44" s="1" t="s">
        <v>888</v>
      </c>
      <c r="AS44" s="1" t="s">
        <v>888</v>
      </c>
      <c r="AT44" s="1" t="s">
        <v>896</v>
      </c>
      <c r="AU44" s="1"/>
      <c r="AV44" s="1"/>
      <c r="AW44" s="1"/>
      <c r="AX44" s="1" t="s">
        <v>888</v>
      </c>
      <c r="AY44" s="1" t="s">
        <v>883</v>
      </c>
      <c r="AZ44" s="1" t="s">
        <v>893</v>
      </c>
      <c r="BA44" s="1">
        <v>0.15</v>
      </c>
      <c r="BB44" s="1">
        <v>0.37</v>
      </c>
      <c r="BC44" s="1">
        <v>7.8</v>
      </c>
      <c r="BD44" s="1">
        <v>8.1</v>
      </c>
      <c r="BE44" t="s">
        <v>885</v>
      </c>
      <c r="BF44" s="1" t="s">
        <v>885</v>
      </c>
      <c r="BG44" s="1">
        <v>5.3E-3</v>
      </c>
      <c r="BH44" s="1">
        <v>0.03</v>
      </c>
      <c r="BI44" s="1" t="s">
        <v>882</v>
      </c>
      <c r="BJ44" s="1" t="s">
        <v>884</v>
      </c>
      <c r="BK44" s="1"/>
      <c r="BL44" s="1">
        <v>7.0000000000000001E-3</v>
      </c>
      <c r="BM44" s="1">
        <v>0.52</v>
      </c>
      <c r="BN44" s="1">
        <v>0.79</v>
      </c>
      <c r="BO44" s="1">
        <v>160</v>
      </c>
      <c r="BP44" s="1">
        <v>430</v>
      </c>
      <c r="BQ44" s="1"/>
      <c r="BR44" s="1" t="s">
        <v>901</v>
      </c>
      <c r="BS44" s="1" t="s">
        <v>885</v>
      </c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6666666666666663</v>
      </c>
      <c r="C45" s="1" t="s">
        <v>855</v>
      </c>
      <c r="D45" s="1" t="s">
        <v>85</v>
      </c>
      <c r="E45" s="1" t="s">
        <v>28</v>
      </c>
      <c r="F45" s="1" t="s">
        <v>313</v>
      </c>
      <c r="G45" s="1" t="s">
        <v>30</v>
      </c>
      <c r="H45" s="1" t="s">
        <v>126</v>
      </c>
      <c r="I45" s="1" t="s">
        <v>615</v>
      </c>
      <c r="J45" s="1" t="s">
        <v>139</v>
      </c>
      <c r="K45" s="1" t="s">
        <v>616</v>
      </c>
      <c r="L45" s="1" t="s">
        <v>34</v>
      </c>
      <c r="N45" s="1" t="s">
        <v>35</v>
      </c>
      <c r="O45" s="1" t="s">
        <v>278</v>
      </c>
      <c r="P45" s="1" t="s">
        <v>37</v>
      </c>
      <c r="Q45" s="1" t="s">
        <v>145</v>
      </c>
      <c r="R45" s="1" t="s">
        <v>39</v>
      </c>
      <c r="S45" s="1" t="s">
        <v>361</v>
      </c>
      <c r="T45" s="1" t="s">
        <v>41</v>
      </c>
      <c r="U45" s="1">
        <v>9.1</v>
      </c>
      <c r="V45" s="1"/>
      <c r="W45" s="1"/>
      <c r="X45" s="1"/>
      <c r="Y45" s="1"/>
      <c r="Z45" s="1"/>
      <c r="AA45" t="s">
        <v>928</v>
      </c>
      <c r="AB45" t="s">
        <v>928</v>
      </c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330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1666666666666663</v>
      </c>
      <c r="C46" s="1" t="s">
        <v>855</v>
      </c>
      <c r="D46" s="1" t="s">
        <v>85</v>
      </c>
      <c r="E46" s="1" t="s">
        <v>28</v>
      </c>
      <c r="F46" s="1" t="s">
        <v>361</v>
      </c>
      <c r="G46" s="1" t="s">
        <v>305</v>
      </c>
      <c r="H46" s="1" t="s">
        <v>150</v>
      </c>
      <c r="I46" s="1" t="s">
        <v>617</v>
      </c>
      <c r="J46" s="1" t="s">
        <v>47</v>
      </c>
      <c r="K46" s="1" t="s">
        <v>251</v>
      </c>
      <c r="L46" s="1" t="s">
        <v>34</v>
      </c>
      <c r="N46" s="1" t="s">
        <v>35</v>
      </c>
      <c r="O46" s="1" t="s">
        <v>278</v>
      </c>
      <c r="P46" s="1" t="s">
        <v>37</v>
      </c>
      <c r="Q46" s="1" t="s">
        <v>186</v>
      </c>
      <c r="R46" s="1" t="s">
        <v>173</v>
      </c>
      <c r="S46" s="1" t="s">
        <v>378</v>
      </c>
      <c r="T46" s="1" t="s">
        <v>41</v>
      </c>
      <c r="U46" s="1">
        <v>9.1</v>
      </c>
      <c r="V46" s="1"/>
      <c r="W46" s="1"/>
      <c r="X46" s="1">
        <v>7.7</v>
      </c>
      <c r="Y46" s="1">
        <v>0.79</v>
      </c>
      <c r="Z46" s="1"/>
      <c r="AA46" t="s">
        <v>928</v>
      </c>
      <c r="AB46" t="s">
        <v>928</v>
      </c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90</v>
      </c>
      <c r="BP46" s="1">
        <v>200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98</v>
      </c>
      <c r="B47" s="2">
        <v>0.16666666666666666</v>
      </c>
      <c r="C47" s="1" t="s">
        <v>855</v>
      </c>
      <c r="D47" s="1" t="s">
        <v>85</v>
      </c>
      <c r="E47" s="1" t="s">
        <v>28</v>
      </c>
      <c r="F47" s="1" t="s">
        <v>40</v>
      </c>
      <c r="G47" s="1" t="s">
        <v>273</v>
      </c>
      <c r="H47" s="1" t="s">
        <v>228</v>
      </c>
      <c r="I47" s="1" t="s">
        <v>488</v>
      </c>
      <c r="J47" s="1" t="s">
        <v>94</v>
      </c>
      <c r="K47" s="1" t="s">
        <v>618</v>
      </c>
      <c r="L47" s="1" t="s">
        <v>34</v>
      </c>
      <c r="N47" s="1" t="s">
        <v>35</v>
      </c>
      <c r="O47" s="1" t="s">
        <v>278</v>
      </c>
      <c r="P47" s="1" t="s">
        <v>37</v>
      </c>
      <c r="Q47" s="1" t="s">
        <v>191</v>
      </c>
      <c r="R47" s="1" t="s">
        <v>122</v>
      </c>
      <c r="S47" s="1" t="s">
        <v>186</v>
      </c>
      <c r="T47" s="1" t="s">
        <v>41</v>
      </c>
      <c r="U47" s="1">
        <v>7</v>
      </c>
      <c r="V47" s="1"/>
      <c r="W47" s="1"/>
      <c r="X47" s="1"/>
      <c r="Y47" s="1"/>
      <c r="Z47" s="1"/>
      <c r="AA47" t="s">
        <v>928</v>
      </c>
      <c r="AB47" t="s">
        <v>928</v>
      </c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170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8</v>
      </c>
      <c r="B48" s="2">
        <v>0.41666666666666669</v>
      </c>
      <c r="C48" s="1" t="s">
        <v>855</v>
      </c>
      <c r="D48" s="1" t="s">
        <v>85</v>
      </c>
      <c r="E48" s="1" t="s">
        <v>857</v>
      </c>
      <c r="F48" s="1" t="s">
        <v>619</v>
      </c>
      <c r="G48" s="1" t="s">
        <v>125</v>
      </c>
      <c r="H48" s="1" t="s">
        <v>80</v>
      </c>
      <c r="I48" s="1" t="s">
        <v>620</v>
      </c>
      <c r="J48" s="1" t="s">
        <v>126</v>
      </c>
      <c r="K48" s="1" t="s">
        <v>621</v>
      </c>
      <c r="L48" s="1" t="s">
        <v>34</v>
      </c>
      <c r="N48" s="1" t="s">
        <v>35</v>
      </c>
      <c r="O48" s="1" t="s">
        <v>278</v>
      </c>
      <c r="P48" s="1" t="s">
        <v>37</v>
      </c>
      <c r="Q48" s="1" t="s">
        <v>394</v>
      </c>
      <c r="R48" s="1" t="s">
        <v>146</v>
      </c>
      <c r="S48" s="1" t="s">
        <v>347</v>
      </c>
      <c r="T48" s="1" t="s">
        <v>41</v>
      </c>
      <c r="U48" s="1">
        <v>7</v>
      </c>
      <c r="V48" s="4">
        <v>33000</v>
      </c>
      <c r="W48" s="1"/>
      <c r="X48" s="1">
        <v>6.1</v>
      </c>
      <c r="Y48" s="1">
        <v>0.95</v>
      </c>
      <c r="Z48" s="1">
        <v>2.5000000000000001E-2</v>
      </c>
      <c r="AA48" t="s">
        <v>926</v>
      </c>
      <c r="AB48" t="s">
        <v>953</v>
      </c>
      <c r="AC48" s="1" t="s">
        <v>881</v>
      </c>
      <c r="AD48" s="1" t="s">
        <v>882</v>
      </c>
      <c r="AE48" s="1" t="s">
        <v>883</v>
      </c>
      <c r="AF48" s="1" t="s">
        <v>884</v>
      </c>
      <c r="AG48" s="1" t="s">
        <v>883</v>
      </c>
      <c r="AH48" s="1" t="s">
        <v>883</v>
      </c>
      <c r="AI48" s="1"/>
      <c r="AJ48" s="1"/>
      <c r="AK48" s="1"/>
      <c r="AL48" s="1" t="s">
        <v>888</v>
      </c>
      <c r="AM48" s="1"/>
      <c r="AN48" s="1"/>
      <c r="AO48" s="1"/>
      <c r="AP48" t="s">
        <v>888</v>
      </c>
      <c r="AQ48" s="1"/>
      <c r="AR48" s="1" t="s">
        <v>888</v>
      </c>
      <c r="AS48" s="1" t="s">
        <v>888</v>
      </c>
      <c r="AT48" s="1"/>
      <c r="AU48" s="1" t="s">
        <v>883</v>
      </c>
      <c r="AV48" s="1" t="s">
        <v>881</v>
      </c>
      <c r="AW48" s="1" t="s">
        <v>883</v>
      </c>
      <c r="AX48" s="1"/>
      <c r="AY48" s="1"/>
      <c r="AZ48" s="1"/>
      <c r="BA48" s="1"/>
      <c r="BB48" s="1">
        <v>0.12</v>
      </c>
      <c r="BC48" s="1">
        <v>5.3</v>
      </c>
      <c r="BD48" s="1">
        <v>5.4</v>
      </c>
      <c r="BF48" s="1"/>
      <c r="BG48" s="1"/>
      <c r="BH48" s="1"/>
      <c r="BI48" s="1"/>
      <c r="BJ48" s="1"/>
      <c r="BK48" s="1" t="s">
        <v>903</v>
      </c>
      <c r="BL48" s="1"/>
      <c r="BM48" s="1">
        <v>0.14000000000000001</v>
      </c>
      <c r="BN48" s="1">
        <v>0.89</v>
      </c>
      <c r="BO48" s="1">
        <v>270</v>
      </c>
      <c r="BP48" s="1">
        <v>850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6666666666666663</v>
      </c>
      <c r="C49" s="1" t="s">
        <v>855</v>
      </c>
      <c r="D49" s="1" t="s">
        <v>164</v>
      </c>
      <c r="E49" s="1" t="s">
        <v>857</v>
      </c>
      <c r="F49" s="1" t="s">
        <v>301</v>
      </c>
      <c r="G49" s="1" t="s">
        <v>42</v>
      </c>
      <c r="H49" s="1" t="s">
        <v>31</v>
      </c>
      <c r="I49" s="1" t="s">
        <v>622</v>
      </c>
      <c r="J49" s="1" t="s">
        <v>334</v>
      </c>
      <c r="K49" s="1" t="s">
        <v>623</v>
      </c>
      <c r="L49" s="1" t="s">
        <v>34</v>
      </c>
      <c r="N49" s="1" t="s">
        <v>35</v>
      </c>
      <c r="O49" s="1" t="s">
        <v>278</v>
      </c>
      <c r="P49" s="1" t="s">
        <v>37</v>
      </c>
      <c r="Q49" s="1" t="s">
        <v>296</v>
      </c>
      <c r="R49" s="1" t="s">
        <v>83</v>
      </c>
      <c r="S49" s="1" t="s">
        <v>361</v>
      </c>
      <c r="T49" s="1" t="s">
        <v>41</v>
      </c>
      <c r="U49" s="1">
        <v>8.5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88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1666666666666663</v>
      </c>
      <c r="C50" s="1" t="s">
        <v>855</v>
      </c>
      <c r="D50" s="1" t="s">
        <v>164</v>
      </c>
      <c r="E50" s="1" t="s">
        <v>857</v>
      </c>
      <c r="F50" s="1" t="s">
        <v>539</v>
      </c>
      <c r="G50" s="1" t="s">
        <v>42</v>
      </c>
      <c r="H50" s="1" t="s">
        <v>33</v>
      </c>
      <c r="I50" s="1" t="s">
        <v>624</v>
      </c>
      <c r="J50" s="1" t="s">
        <v>47</v>
      </c>
      <c r="K50" s="1" t="s">
        <v>251</v>
      </c>
      <c r="L50" s="1" t="s">
        <v>34</v>
      </c>
      <c r="N50" s="1" t="s">
        <v>35</v>
      </c>
      <c r="O50" s="1" t="s">
        <v>278</v>
      </c>
      <c r="P50" s="1" t="s">
        <v>37</v>
      </c>
      <c r="Q50" s="1" t="s">
        <v>191</v>
      </c>
      <c r="R50" s="1" t="s">
        <v>146</v>
      </c>
      <c r="S50" s="1" t="s">
        <v>287</v>
      </c>
      <c r="T50" s="1" t="s">
        <v>286</v>
      </c>
      <c r="U50" s="1">
        <v>8.1</v>
      </c>
      <c r="V50" s="1"/>
      <c r="W50" s="1"/>
      <c r="X50" s="1">
        <v>5.9</v>
      </c>
      <c r="Y50" s="1">
        <v>1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410</v>
      </c>
      <c r="BP50" s="1">
        <v>1300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06</v>
      </c>
      <c r="B51" s="2">
        <v>0.16666666666666666</v>
      </c>
      <c r="C51" s="1" t="s">
        <v>855</v>
      </c>
      <c r="D51" s="1" t="s">
        <v>164</v>
      </c>
      <c r="E51" s="1" t="s">
        <v>857</v>
      </c>
      <c r="F51" s="1" t="s">
        <v>96</v>
      </c>
      <c r="G51" s="1" t="s">
        <v>283</v>
      </c>
      <c r="H51" s="1" t="s">
        <v>280</v>
      </c>
      <c r="I51" s="1" t="s">
        <v>625</v>
      </c>
      <c r="J51" s="1" t="s">
        <v>289</v>
      </c>
      <c r="K51" s="1" t="s">
        <v>626</v>
      </c>
      <c r="L51" s="1" t="s">
        <v>34</v>
      </c>
      <c r="N51" s="1" t="s">
        <v>35</v>
      </c>
      <c r="O51" s="1" t="s">
        <v>278</v>
      </c>
      <c r="P51" s="1" t="s">
        <v>37</v>
      </c>
      <c r="Q51" s="1" t="s">
        <v>191</v>
      </c>
      <c r="R51" s="1" t="s">
        <v>444</v>
      </c>
      <c r="S51" s="1" t="s">
        <v>452</v>
      </c>
      <c r="T51" s="1" t="s">
        <v>286</v>
      </c>
      <c r="U51" s="1">
        <v>7.4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68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  <row r="1230" spans="21:21" x14ac:dyDescent="0.15">
      <c r="U1230" s="1"/>
    </row>
    <row r="1231" spans="21:21" x14ac:dyDescent="0.15">
      <c r="U1231" s="1"/>
    </row>
    <row r="1232" spans="21:21" x14ac:dyDescent="0.15">
      <c r="U1232" s="1"/>
    </row>
    <row r="1233" spans="21:21" x14ac:dyDescent="0.15">
      <c r="U1233" s="1"/>
    </row>
    <row r="1234" spans="21:21" x14ac:dyDescent="0.15">
      <c r="U1234" s="1"/>
    </row>
    <row r="1235" spans="21:21" x14ac:dyDescent="0.15">
      <c r="U1235" s="1"/>
    </row>
    <row r="1236" spans="21:21" x14ac:dyDescent="0.15">
      <c r="U1236" s="1"/>
    </row>
    <row r="1237" spans="21:21" x14ac:dyDescent="0.15">
      <c r="U1237" s="1"/>
    </row>
    <row r="1238" spans="21:21" x14ac:dyDescent="0.15">
      <c r="U1238" s="1"/>
    </row>
    <row r="1239" spans="21:21" x14ac:dyDescent="0.15">
      <c r="U1239" s="1"/>
    </row>
    <row r="1240" spans="21:21" x14ac:dyDescent="0.15">
      <c r="U1240" s="1"/>
    </row>
    <row r="1241" spans="21:21" x14ac:dyDescent="0.15">
      <c r="U1241" s="1"/>
    </row>
    <row r="1242" spans="21:21" x14ac:dyDescent="0.15">
      <c r="U1242" s="1"/>
    </row>
    <row r="1243" spans="21:21" x14ac:dyDescent="0.15">
      <c r="U1243" s="1"/>
    </row>
    <row r="1244" spans="21:21" x14ac:dyDescent="0.15">
      <c r="U1244" s="1"/>
    </row>
    <row r="1245" spans="21:21" x14ac:dyDescent="0.15">
      <c r="U1245" s="1"/>
    </row>
    <row r="1246" spans="21:21" x14ac:dyDescent="0.15">
      <c r="U1246" s="1"/>
    </row>
    <row r="1247" spans="21:21" x14ac:dyDescent="0.15">
      <c r="U1247" s="1"/>
    </row>
    <row r="1248" spans="21:21" x14ac:dyDescent="0.15">
      <c r="U1248" s="1"/>
    </row>
    <row r="1249" spans="21:21" x14ac:dyDescent="0.15">
      <c r="U1249" s="1"/>
    </row>
    <row r="1250" spans="21:21" x14ac:dyDescent="0.15">
      <c r="U1250" s="1"/>
    </row>
    <row r="1251" spans="21:21" x14ac:dyDescent="0.15">
      <c r="U1251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1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67</v>
      </c>
      <c r="C1" s="1" t="s">
        <v>1</v>
      </c>
      <c r="D1" s="1" t="s">
        <v>868</v>
      </c>
      <c r="E1" s="1" t="s">
        <v>2</v>
      </c>
      <c r="F1" s="1" t="s">
        <v>866</v>
      </c>
      <c r="G1" s="1" t="s">
        <v>3</v>
      </c>
      <c r="H1" s="1" t="s">
        <v>86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6</v>
      </c>
      <c r="AB2" s="1" t="s">
        <v>919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7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4027777777777773</v>
      </c>
      <c r="C4" s="1" t="s">
        <v>855</v>
      </c>
      <c r="D4" s="1" t="s">
        <v>85</v>
      </c>
      <c r="E4" s="1" t="s">
        <v>28</v>
      </c>
      <c r="F4" s="1" t="s">
        <v>114</v>
      </c>
      <c r="G4" s="1" t="s">
        <v>125</v>
      </c>
      <c r="H4" s="1" t="s">
        <v>63</v>
      </c>
      <c r="I4" s="1" t="s">
        <v>342</v>
      </c>
      <c r="J4" s="1" t="s">
        <v>438</v>
      </c>
      <c r="K4" s="1" t="s">
        <v>189</v>
      </c>
      <c r="L4" s="1" t="s">
        <v>34</v>
      </c>
      <c r="N4" s="1" t="s">
        <v>35</v>
      </c>
      <c r="O4" s="1" t="s">
        <v>278</v>
      </c>
      <c r="P4" s="1" t="s">
        <v>37</v>
      </c>
      <c r="Q4" s="1" t="s">
        <v>411</v>
      </c>
      <c r="R4" s="1" t="s">
        <v>151</v>
      </c>
      <c r="S4" s="1" t="s">
        <v>122</v>
      </c>
      <c r="T4" s="1" t="s">
        <v>174</v>
      </c>
      <c r="U4" s="1">
        <v>9</v>
      </c>
      <c r="V4" s="4">
        <v>790</v>
      </c>
      <c r="W4" s="1"/>
      <c r="X4" s="1">
        <v>1.9</v>
      </c>
      <c r="Y4" s="1">
        <v>3.2000000000000001E-2</v>
      </c>
      <c r="Z4" s="1">
        <v>5.8999999999999999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3</v>
      </c>
      <c r="BC4" s="1">
        <v>1.7</v>
      </c>
      <c r="BD4" s="1">
        <v>1.7</v>
      </c>
      <c r="BE4" s="1"/>
      <c r="BF4" s="1"/>
      <c r="BG4" s="1"/>
      <c r="BH4" s="1"/>
      <c r="BI4" s="1"/>
      <c r="BJ4" s="1"/>
      <c r="BK4" s="1"/>
      <c r="BL4" s="1"/>
      <c r="BM4" s="1">
        <v>0.05</v>
      </c>
      <c r="BN4" s="1">
        <v>1.2999999999999999E-2</v>
      </c>
      <c r="BO4" s="1">
        <v>55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2638888888888884</v>
      </c>
      <c r="C5" s="1" t="s">
        <v>855</v>
      </c>
      <c r="D5" s="1" t="s">
        <v>85</v>
      </c>
      <c r="E5" s="1" t="s">
        <v>28</v>
      </c>
      <c r="F5" s="1" t="s">
        <v>43</v>
      </c>
      <c r="G5" s="1" t="s">
        <v>175</v>
      </c>
      <c r="H5" s="1" t="s">
        <v>63</v>
      </c>
      <c r="I5" s="1" t="s">
        <v>342</v>
      </c>
      <c r="J5" s="1" t="s">
        <v>438</v>
      </c>
      <c r="K5" s="1" t="s">
        <v>169</v>
      </c>
      <c r="L5" s="1" t="s">
        <v>34</v>
      </c>
      <c r="N5" s="1" t="s">
        <v>35</v>
      </c>
      <c r="O5" s="1" t="s">
        <v>278</v>
      </c>
      <c r="P5" s="1" t="s">
        <v>37</v>
      </c>
      <c r="Q5" s="1" t="s">
        <v>161</v>
      </c>
      <c r="R5" s="1" t="s">
        <v>109</v>
      </c>
      <c r="S5" s="1" t="s">
        <v>279</v>
      </c>
      <c r="T5" s="1" t="s">
        <v>41</v>
      </c>
      <c r="U5" s="1">
        <v>8.5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53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93</v>
      </c>
      <c r="B6" s="2">
        <v>0.34027777777777773</v>
      </c>
      <c r="C6" s="1" t="s">
        <v>855</v>
      </c>
      <c r="D6" s="1" t="s">
        <v>27</v>
      </c>
      <c r="E6" s="1" t="s">
        <v>28</v>
      </c>
      <c r="F6" s="1" t="s">
        <v>442</v>
      </c>
      <c r="G6" s="1" t="s">
        <v>203</v>
      </c>
      <c r="H6" s="1" t="s">
        <v>160</v>
      </c>
      <c r="I6" s="1" t="s">
        <v>627</v>
      </c>
      <c r="J6" s="1" t="s">
        <v>438</v>
      </c>
      <c r="K6" s="1" t="s">
        <v>205</v>
      </c>
      <c r="L6" s="1" t="s">
        <v>34</v>
      </c>
      <c r="N6" s="1" t="s">
        <v>35</v>
      </c>
      <c r="O6" s="1" t="s">
        <v>278</v>
      </c>
      <c r="P6" s="1" t="s">
        <v>37</v>
      </c>
      <c r="Q6" s="1" t="s">
        <v>411</v>
      </c>
      <c r="R6" s="1" t="s">
        <v>66</v>
      </c>
      <c r="S6" s="1" t="s">
        <v>156</v>
      </c>
      <c r="T6" s="1" t="s">
        <v>41</v>
      </c>
      <c r="U6" s="1">
        <v>9.1999999999999993</v>
      </c>
      <c r="V6" s="4">
        <v>33000</v>
      </c>
      <c r="W6" s="1"/>
      <c r="X6" s="1">
        <v>2.7</v>
      </c>
      <c r="Y6" s="1">
        <v>3.5999999999999997E-2</v>
      </c>
      <c r="Z6" s="1">
        <v>4.7999999999999996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1</v>
      </c>
      <c r="BC6" s="1">
        <v>2.4</v>
      </c>
      <c r="BD6" s="1">
        <v>2.4</v>
      </c>
      <c r="BE6" s="1"/>
      <c r="BF6" s="1"/>
      <c r="BG6" s="1"/>
      <c r="BH6" s="1"/>
      <c r="BI6" s="1"/>
      <c r="BJ6" s="1"/>
      <c r="BK6" s="1"/>
      <c r="BL6" s="1"/>
      <c r="BM6" s="1" t="s">
        <v>900</v>
      </c>
      <c r="BN6" s="1">
        <v>1.6E-2</v>
      </c>
      <c r="BO6" s="1">
        <v>48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1944444444444453</v>
      </c>
      <c r="C7" s="1" t="s">
        <v>855</v>
      </c>
      <c r="D7" s="1" t="s">
        <v>85</v>
      </c>
      <c r="E7" s="1" t="s">
        <v>28</v>
      </c>
      <c r="F7" s="1" t="s">
        <v>202</v>
      </c>
      <c r="G7" s="1" t="s">
        <v>250</v>
      </c>
      <c r="H7" s="1" t="s">
        <v>160</v>
      </c>
      <c r="I7" s="1" t="s">
        <v>601</v>
      </c>
      <c r="J7" s="1" t="s">
        <v>438</v>
      </c>
      <c r="K7" s="1" t="s">
        <v>170</v>
      </c>
      <c r="L7" s="1" t="s">
        <v>34</v>
      </c>
      <c r="N7" s="1" t="s">
        <v>35</v>
      </c>
      <c r="O7" s="1" t="s">
        <v>278</v>
      </c>
      <c r="P7" s="1" t="s">
        <v>37</v>
      </c>
      <c r="Q7" s="1" t="s">
        <v>75</v>
      </c>
      <c r="R7" s="1" t="s">
        <v>151</v>
      </c>
      <c r="S7" s="1" t="s">
        <v>156</v>
      </c>
      <c r="T7" s="1" t="s">
        <v>41</v>
      </c>
      <c r="U7" s="1">
        <v>7.7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41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9</v>
      </c>
      <c r="B8" s="2">
        <v>0.35416666666666669</v>
      </c>
      <c r="C8" s="1" t="s">
        <v>855</v>
      </c>
      <c r="D8" s="1" t="s">
        <v>85</v>
      </c>
      <c r="E8" s="1" t="s">
        <v>857</v>
      </c>
      <c r="F8" s="1" t="s">
        <v>214</v>
      </c>
      <c r="G8" s="1" t="s">
        <v>53</v>
      </c>
      <c r="H8" s="1" t="s">
        <v>119</v>
      </c>
      <c r="I8" s="1" t="s">
        <v>628</v>
      </c>
      <c r="J8" s="1" t="s">
        <v>438</v>
      </c>
      <c r="K8" s="1" t="s">
        <v>190</v>
      </c>
      <c r="L8" s="1" t="s">
        <v>34</v>
      </c>
      <c r="N8" s="1" t="s">
        <v>35</v>
      </c>
      <c r="O8" s="1" t="s">
        <v>278</v>
      </c>
      <c r="P8" s="1" t="s">
        <v>37</v>
      </c>
      <c r="Q8" s="1" t="s">
        <v>411</v>
      </c>
      <c r="R8" s="1" t="s">
        <v>39</v>
      </c>
      <c r="S8" s="1" t="s">
        <v>282</v>
      </c>
      <c r="T8" s="1" t="s">
        <v>286</v>
      </c>
      <c r="U8" s="1">
        <v>9.3000000000000007</v>
      </c>
      <c r="V8" s="4">
        <v>3300</v>
      </c>
      <c r="W8" s="1"/>
      <c r="X8" s="1">
        <v>2.2999999999999998</v>
      </c>
      <c r="Y8" s="1">
        <v>4.3999999999999997E-2</v>
      </c>
      <c r="Z8" s="1">
        <v>8.8000000000000005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2</v>
      </c>
      <c r="BC8" s="1">
        <v>1.9</v>
      </c>
      <c r="BD8" s="1">
        <v>1.9</v>
      </c>
      <c r="BE8" s="1"/>
      <c r="BF8" s="1"/>
      <c r="BG8" s="1"/>
      <c r="BH8" s="1"/>
      <c r="BI8" s="1"/>
      <c r="BJ8" s="1"/>
      <c r="BK8" s="1"/>
      <c r="BL8" s="1"/>
      <c r="BM8" s="1" t="s">
        <v>900</v>
      </c>
      <c r="BN8" s="1">
        <v>2.5000000000000001E-2</v>
      </c>
      <c r="BO8" s="1">
        <v>42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2638888888888884</v>
      </c>
      <c r="C9" s="1" t="s">
        <v>855</v>
      </c>
      <c r="D9" s="1" t="s">
        <v>85</v>
      </c>
      <c r="E9" s="1" t="s">
        <v>857</v>
      </c>
      <c r="F9" s="1" t="s">
        <v>53</v>
      </c>
      <c r="G9" s="1" t="s">
        <v>629</v>
      </c>
      <c r="H9" s="1" t="s">
        <v>207</v>
      </c>
      <c r="I9" s="1" t="s">
        <v>197</v>
      </c>
      <c r="J9" s="1" t="s">
        <v>438</v>
      </c>
      <c r="K9" s="1" t="s">
        <v>205</v>
      </c>
      <c r="L9" s="1" t="s">
        <v>34</v>
      </c>
      <c r="N9" s="1" t="s">
        <v>35</v>
      </c>
      <c r="O9" s="1" t="s">
        <v>278</v>
      </c>
      <c r="P9" s="1" t="s">
        <v>37</v>
      </c>
      <c r="Q9" s="1" t="s">
        <v>140</v>
      </c>
      <c r="R9" s="1" t="s">
        <v>172</v>
      </c>
      <c r="S9" s="1" t="s">
        <v>40</v>
      </c>
      <c r="T9" s="1" t="s">
        <v>286</v>
      </c>
      <c r="U9" s="1">
        <v>7.5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45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611111111111111</v>
      </c>
      <c r="C10" s="1" t="s">
        <v>855</v>
      </c>
      <c r="D10" s="1" t="s">
        <v>85</v>
      </c>
      <c r="E10" s="1" t="s">
        <v>28</v>
      </c>
      <c r="F10" s="1" t="s">
        <v>578</v>
      </c>
      <c r="G10" s="1" t="s">
        <v>70</v>
      </c>
      <c r="H10" s="1" t="s">
        <v>44</v>
      </c>
      <c r="I10" s="1" t="s">
        <v>352</v>
      </c>
      <c r="J10" s="1" t="s">
        <v>438</v>
      </c>
      <c r="K10" s="1" t="s">
        <v>200</v>
      </c>
      <c r="L10" s="1" t="s">
        <v>34</v>
      </c>
      <c r="N10" s="1" t="s">
        <v>35</v>
      </c>
      <c r="O10" s="1" t="s">
        <v>278</v>
      </c>
      <c r="P10" s="1" t="s">
        <v>37</v>
      </c>
      <c r="Q10" s="1" t="s">
        <v>128</v>
      </c>
      <c r="R10" s="1" t="s">
        <v>245</v>
      </c>
      <c r="S10" s="1" t="s">
        <v>83</v>
      </c>
      <c r="T10" s="1" t="s">
        <v>68</v>
      </c>
      <c r="U10" s="1">
        <v>10.7</v>
      </c>
      <c r="V10" s="4">
        <v>2300</v>
      </c>
      <c r="W10" s="1" t="s">
        <v>887</v>
      </c>
      <c r="X10" s="1">
        <v>1.8</v>
      </c>
      <c r="Y10" s="1">
        <v>2.8000000000000001E-2</v>
      </c>
      <c r="Z10" s="1">
        <v>3.2000000000000002E-3</v>
      </c>
      <c r="AA10" s="1"/>
      <c r="AB10" s="1"/>
      <c r="AC10" s="1" t="s">
        <v>881</v>
      </c>
      <c r="AD10" s="1" t="s">
        <v>882</v>
      </c>
      <c r="AE10" s="1" t="s">
        <v>883</v>
      </c>
      <c r="AF10" s="1" t="s">
        <v>884</v>
      </c>
      <c r="AG10" s="1" t="s">
        <v>885</v>
      </c>
      <c r="AH10" s="1" t="s">
        <v>883</v>
      </c>
      <c r="AI10" s="1"/>
      <c r="AJ10" s="1"/>
      <c r="AK10" s="1" t="s">
        <v>886</v>
      </c>
      <c r="AL10" s="1" t="s">
        <v>886</v>
      </c>
      <c r="AM10" s="1" t="s">
        <v>886</v>
      </c>
      <c r="AN10" s="1" t="s">
        <v>886</v>
      </c>
      <c r="AO10" s="1" t="s">
        <v>886</v>
      </c>
      <c r="AP10" t="s">
        <v>886</v>
      </c>
      <c r="AQ10" s="1" t="s">
        <v>886</v>
      </c>
      <c r="AR10" s="1" t="s">
        <v>886</v>
      </c>
      <c r="AS10" s="1" t="s">
        <v>886</v>
      </c>
      <c r="AT10" s="1" t="s">
        <v>888</v>
      </c>
      <c r="AU10" s="1" t="s">
        <v>883</v>
      </c>
      <c r="AV10" s="1" t="s">
        <v>881</v>
      </c>
      <c r="AW10" s="1" t="s">
        <v>881</v>
      </c>
      <c r="AX10" s="1" t="s">
        <v>886</v>
      </c>
      <c r="AY10" s="1" t="s">
        <v>894</v>
      </c>
      <c r="AZ10" s="1" t="s">
        <v>893</v>
      </c>
      <c r="BA10" s="1">
        <v>0.04</v>
      </c>
      <c r="BB10" s="1">
        <v>0.02</v>
      </c>
      <c r="BC10" s="1">
        <v>1.5</v>
      </c>
      <c r="BD10" s="1">
        <v>1.5</v>
      </c>
      <c r="BE10" s="1" t="s">
        <v>885</v>
      </c>
      <c r="BF10" s="1" t="s">
        <v>885</v>
      </c>
      <c r="BG10" s="1">
        <v>2.0999999999999999E-3</v>
      </c>
      <c r="BH10" s="1">
        <v>0.08</v>
      </c>
      <c r="BI10" s="1" t="s">
        <v>882</v>
      </c>
      <c r="BJ10" s="1"/>
      <c r="BK10" s="1"/>
      <c r="BL10" s="1" t="s">
        <v>889</v>
      </c>
      <c r="BM10" s="1" t="s">
        <v>900</v>
      </c>
      <c r="BN10" s="1">
        <v>6.0000000000000001E-3</v>
      </c>
      <c r="BO10" s="1">
        <v>53</v>
      </c>
      <c r="BP10" s="1">
        <v>70</v>
      </c>
      <c r="BQ10" s="1"/>
      <c r="BR10" s="1" t="s">
        <v>901</v>
      </c>
      <c r="BS10" s="1" t="s">
        <v>885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3333333333333337</v>
      </c>
      <c r="C11" s="1" t="s">
        <v>855</v>
      </c>
      <c r="D11" s="1" t="s">
        <v>85</v>
      </c>
      <c r="E11" s="1" t="s">
        <v>28</v>
      </c>
      <c r="F11" s="1" t="s">
        <v>630</v>
      </c>
      <c r="G11" s="1" t="s">
        <v>52</v>
      </c>
      <c r="H11" s="1" t="s">
        <v>72</v>
      </c>
      <c r="I11" s="1" t="s">
        <v>492</v>
      </c>
      <c r="J11" s="1" t="s">
        <v>438</v>
      </c>
      <c r="K11" s="1" t="s">
        <v>237</v>
      </c>
      <c r="L11" s="1" t="s">
        <v>34</v>
      </c>
      <c r="N11" s="1" t="s">
        <v>35</v>
      </c>
      <c r="O11" s="1" t="s">
        <v>278</v>
      </c>
      <c r="P11" s="1" t="s">
        <v>37</v>
      </c>
      <c r="Q11" s="1" t="s">
        <v>143</v>
      </c>
      <c r="R11" s="1" t="s">
        <v>151</v>
      </c>
      <c r="S11" s="1" t="s">
        <v>122</v>
      </c>
      <c r="T11" s="1" t="s">
        <v>68</v>
      </c>
      <c r="U11" s="1">
        <v>7.3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54</v>
      </c>
      <c r="BP11" s="1">
        <v>77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7</v>
      </c>
      <c r="B12" s="2">
        <v>0.35416666666666669</v>
      </c>
      <c r="C12" s="1" t="s">
        <v>855</v>
      </c>
      <c r="D12" s="1" t="s">
        <v>27</v>
      </c>
      <c r="E12" s="1" t="s">
        <v>28</v>
      </c>
      <c r="F12" s="1" t="s">
        <v>631</v>
      </c>
      <c r="G12" s="1" t="s">
        <v>514</v>
      </c>
      <c r="H12" s="1" t="s">
        <v>44</v>
      </c>
      <c r="I12" s="1" t="s">
        <v>468</v>
      </c>
      <c r="J12" s="1" t="s">
        <v>438</v>
      </c>
      <c r="K12" s="1" t="s">
        <v>342</v>
      </c>
      <c r="L12" s="1" t="s">
        <v>133</v>
      </c>
      <c r="N12" s="1" t="s">
        <v>35</v>
      </c>
      <c r="O12" s="1" t="s">
        <v>407</v>
      </c>
      <c r="P12" s="1" t="s">
        <v>37</v>
      </c>
      <c r="Q12" s="1" t="s">
        <v>161</v>
      </c>
      <c r="R12" s="1" t="s">
        <v>108</v>
      </c>
      <c r="S12" s="1" t="s">
        <v>445</v>
      </c>
      <c r="T12" s="1" t="s">
        <v>68</v>
      </c>
      <c r="U12" s="1">
        <v>8.1</v>
      </c>
      <c r="V12" s="4">
        <v>7900</v>
      </c>
      <c r="W12" s="1"/>
      <c r="X12" s="1">
        <v>2</v>
      </c>
      <c r="Y12" s="1">
        <v>4.4999999999999998E-2</v>
      </c>
      <c r="Z12" s="1">
        <v>7.3000000000000001E-3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3</v>
      </c>
      <c r="BC12" s="1">
        <v>1.6</v>
      </c>
      <c r="BD12" s="1">
        <v>1.6</v>
      </c>
      <c r="BE12" s="1"/>
      <c r="BF12" s="1"/>
      <c r="BG12" s="1"/>
      <c r="BH12" s="1"/>
      <c r="BI12" s="1"/>
      <c r="BJ12" s="1"/>
      <c r="BK12" s="1"/>
      <c r="BL12" s="1"/>
      <c r="BM12" s="1">
        <v>0.04</v>
      </c>
      <c r="BN12" s="1">
        <v>3.1E-2</v>
      </c>
      <c r="BO12" s="1">
        <v>49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2638888888888884</v>
      </c>
      <c r="C13" s="1" t="s">
        <v>855</v>
      </c>
      <c r="D13" s="1" t="s">
        <v>27</v>
      </c>
      <c r="E13" s="1" t="s">
        <v>28</v>
      </c>
      <c r="F13" s="1" t="s">
        <v>353</v>
      </c>
      <c r="G13" s="1" t="s">
        <v>353</v>
      </c>
      <c r="H13" s="1" t="s">
        <v>44</v>
      </c>
      <c r="I13" s="1" t="s">
        <v>190</v>
      </c>
      <c r="J13" s="1" t="s">
        <v>438</v>
      </c>
      <c r="K13" s="1" t="s">
        <v>200</v>
      </c>
      <c r="L13" s="1" t="s">
        <v>632</v>
      </c>
      <c r="N13" s="1" t="s">
        <v>35</v>
      </c>
      <c r="O13" s="1" t="s">
        <v>407</v>
      </c>
      <c r="P13" s="1" t="s">
        <v>37</v>
      </c>
      <c r="Q13" s="1" t="s">
        <v>128</v>
      </c>
      <c r="R13" s="1" t="s">
        <v>104</v>
      </c>
      <c r="S13" s="1" t="s">
        <v>282</v>
      </c>
      <c r="T13" s="1" t="s">
        <v>68</v>
      </c>
      <c r="U13" s="1">
        <v>7.3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49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52</v>
      </c>
      <c r="B14" s="2">
        <v>0.34722222222222227</v>
      </c>
      <c r="C14" s="1" t="s">
        <v>855</v>
      </c>
      <c r="D14" s="1" t="s">
        <v>85</v>
      </c>
      <c r="E14" s="1" t="s">
        <v>857</v>
      </c>
      <c r="F14" s="1" t="s">
        <v>53</v>
      </c>
      <c r="G14" s="1" t="s">
        <v>110</v>
      </c>
      <c r="H14" s="1" t="s">
        <v>44</v>
      </c>
      <c r="I14" s="1" t="s">
        <v>352</v>
      </c>
      <c r="J14" s="1" t="s">
        <v>438</v>
      </c>
      <c r="K14" s="1" t="s">
        <v>339</v>
      </c>
      <c r="L14" s="1" t="s">
        <v>34</v>
      </c>
      <c r="N14" s="1" t="s">
        <v>35</v>
      </c>
      <c r="O14" s="1" t="s">
        <v>278</v>
      </c>
      <c r="P14" s="1" t="s">
        <v>37</v>
      </c>
      <c r="Q14" s="1" t="s">
        <v>161</v>
      </c>
      <c r="R14" s="1" t="s">
        <v>231</v>
      </c>
      <c r="S14" s="1" t="s">
        <v>282</v>
      </c>
      <c r="T14" s="1" t="s">
        <v>41</v>
      </c>
      <c r="U14" s="1">
        <v>9.8000000000000007</v>
      </c>
      <c r="V14" s="4">
        <v>7900</v>
      </c>
      <c r="W14" s="1"/>
      <c r="X14" s="1">
        <v>2</v>
      </c>
      <c r="Y14" s="1">
        <v>3.9E-2</v>
      </c>
      <c r="Z14" s="1">
        <v>6.7000000000000002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1.6</v>
      </c>
      <c r="BD14" s="1">
        <v>1.6</v>
      </c>
      <c r="BE14" s="1"/>
      <c r="BF14" s="1"/>
      <c r="BG14" s="1"/>
      <c r="BH14" s="1"/>
      <c r="BI14" s="1"/>
      <c r="BJ14" s="1"/>
      <c r="BK14" s="1"/>
      <c r="BL14" s="1"/>
      <c r="BM14" s="1" t="s">
        <v>900</v>
      </c>
      <c r="BN14" s="1">
        <v>3.1E-2</v>
      </c>
      <c r="BO14" s="1">
        <v>42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1944444444444453</v>
      </c>
      <c r="C15" s="1" t="s">
        <v>855</v>
      </c>
      <c r="D15" s="1" t="s">
        <v>85</v>
      </c>
      <c r="E15" s="1" t="s">
        <v>857</v>
      </c>
      <c r="F15" s="1" t="s">
        <v>218</v>
      </c>
      <c r="G15" s="1" t="s">
        <v>351</v>
      </c>
      <c r="H15" s="1" t="s">
        <v>45</v>
      </c>
      <c r="I15" s="1" t="s">
        <v>384</v>
      </c>
      <c r="J15" s="1" t="s">
        <v>438</v>
      </c>
      <c r="K15" s="1" t="s">
        <v>178</v>
      </c>
      <c r="L15" s="1" t="s">
        <v>34</v>
      </c>
      <c r="N15" s="1" t="s">
        <v>35</v>
      </c>
      <c r="O15" s="1" t="s">
        <v>278</v>
      </c>
      <c r="P15" s="1" t="s">
        <v>37</v>
      </c>
      <c r="Q15" s="1" t="s">
        <v>75</v>
      </c>
      <c r="R15" s="1" t="s">
        <v>101</v>
      </c>
      <c r="S15" s="1" t="s">
        <v>220</v>
      </c>
      <c r="T15" s="1" t="s">
        <v>60</v>
      </c>
      <c r="U15" s="1">
        <v>8.6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44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466</v>
      </c>
      <c r="B16" s="2">
        <v>0.35416666666666669</v>
      </c>
      <c r="C16" s="1" t="s">
        <v>855</v>
      </c>
      <c r="D16" s="1" t="s">
        <v>27</v>
      </c>
      <c r="E16" s="1" t="s">
        <v>28</v>
      </c>
      <c r="F16" s="1" t="s">
        <v>92</v>
      </c>
      <c r="G16" s="1" t="s">
        <v>53</v>
      </c>
      <c r="H16" s="1" t="s">
        <v>207</v>
      </c>
      <c r="I16" s="1" t="s">
        <v>204</v>
      </c>
      <c r="J16" s="1" t="s">
        <v>438</v>
      </c>
      <c r="K16" s="1" t="s">
        <v>170</v>
      </c>
      <c r="L16" s="1" t="s">
        <v>34</v>
      </c>
      <c r="N16" s="1" t="s">
        <v>35</v>
      </c>
      <c r="O16" s="1" t="s">
        <v>278</v>
      </c>
      <c r="P16" s="1" t="s">
        <v>37</v>
      </c>
      <c r="Q16" s="1" t="s">
        <v>411</v>
      </c>
      <c r="R16" s="1" t="s">
        <v>108</v>
      </c>
      <c r="S16" s="1" t="s">
        <v>220</v>
      </c>
      <c r="T16" s="1" t="s">
        <v>41</v>
      </c>
      <c r="U16" s="1">
        <v>9.3000000000000007</v>
      </c>
      <c r="V16" s="4">
        <v>7900</v>
      </c>
      <c r="W16" s="1"/>
      <c r="X16" s="1">
        <v>2.6</v>
      </c>
      <c r="Y16" s="1">
        <v>3.5000000000000003E-2</v>
      </c>
      <c r="Z16" s="1">
        <v>6.4999999999999997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4</v>
      </c>
      <c r="BC16" s="1">
        <v>2.2999999999999998</v>
      </c>
      <c r="BD16" s="1">
        <v>2.2999999999999998</v>
      </c>
      <c r="BE16" s="1"/>
      <c r="BF16" s="1"/>
      <c r="BG16" s="1"/>
      <c r="BH16" s="1"/>
      <c r="BI16" s="1"/>
      <c r="BJ16" s="1"/>
      <c r="BK16" s="1"/>
      <c r="BL16" s="1"/>
      <c r="BM16" s="1">
        <v>7.0000000000000007E-2</v>
      </c>
      <c r="BN16" s="1">
        <v>2.5999999999999999E-2</v>
      </c>
      <c r="BO16" s="1">
        <v>74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2638888888888884</v>
      </c>
      <c r="C17" s="1" t="s">
        <v>855</v>
      </c>
      <c r="D17" s="1" t="s">
        <v>85</v>
      </c>
      <c r="E17" s="1" t="s">
        <v>28</v>
      </c>
      <c r="F17" s="1" t="s">
        <v>469</v>
      </c>
      <c r="G17" s="1" t="s">
        <v>633</v>
      </c>
      <c r="H17" s="1" t="s">
        <v>72</v>
      </c>
      <c r="I17" s="1" t="s">
        <v>520</v>
      </c>
      <c r="J17" s="1" t="s">
        <v>438</v>
      </c>
      <c r="K17" s="1" t="s">
        <v>170</v>
      </c>
      <c r="L17" s="1" t="s">
        <v>34</v>
      </c>
      <c r="N17" s="1" t="s">
        <v>35</v>
      </c>
      <c r="O17" s="1" t="s">
        <v>278</v>
      </c>
      <c r="P17" s="1" t="s">
        <v>37</v>
      </c>
      <c r="Q17" s="1" t="s">
        <v>75</v>
      </c>
      <c r="R17" s="1" t="s">
        <v>231</v>
      </c>
      <c r="S17" s="1" t="s">
        <v>156</v>
      </c>
      <c r="T17" s="1" t="s">
        <v>60</v>
      </c>
      <c r="U17" s="1">
        <v>8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72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72</v>
      </c>
      <c r="B18" s="2">
        <v>0.3611111111111111</v>
      </c>
      <c r="C18" s="1" t="s">
        <v>855</v>
      </c>
      <c r="D18" s="1" t="s">
        <v>27</v>
      </c>
      <c r="E18" s="1" t="s">
        <v>857</v>
      </c>
      <c r="F18" s="1" t="s">
        <v>269</v>
      </c>
      <c r="G18" s="1" t="s">
        <v>634</v>
      </c>
      <c r="H18" s="1" t="s">
        <v>63</v>
      </c>
      <c r="I18" s="1" t="s">
        <v>352</v>
      </c>
      <c r="J18" s="1" t="s">
        <v>438</v>
      </c>
      <c r="K18" s="1" t="s">
        <v>205</v>
      </c>
      <c r="L18" s="1" t="s">
        <v>34</v>
      </c>
      <c r="N18" s="1" t="s">
        <v>35</v>
      </c>
      <c r="O18" s="1" t="s">
        <v>278</v>
      </c>
      <c r="P18" s="1" t="s">
        <v>37</v>
      </c>
      <c r="Q18" s="1" t="s">
        <v>411</v>
      </c>
      <c r="R18" s="1" t="s">
        <v>231</v>
      </c>
      <c r="S18" s="1" t="s">
        <v>173</v>
      </c>
      <c r="T18" s="1" t="s">
        <v>60</v>
      </c>
      <c r="U18" s="1">
        <v>10.5</v>
      </c>
      <c r="V18" s="4">
        <v>13000</v>
      </c>
      <c r="W18" s="1"/>
      <c r="X18" s="1">
        <v>2.2999999999999998</v>
      </c>
      <c r="Y18" s="1">
        <v>4.2999999999999997E-2</v>
      </c>
      <c r="Z18" s="1">
        <v>6.1999999999999998E-3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1</v>
      </c>
      <c r="BC18" s="1">
        <v>1.6</v>
      </c>
      <c r="BD18" s="1">
        <v>1.6</v>
      </c>
      <c r="BE18" s="1"/>
      <c r="BF18" s="1"/>
      <c r="BG18" s="1"/>
      <c r="BH18" s="1"/>
      <c r="BI18" s="1"/>
      <c r="BJ18" s="1"/>
      <c r="BK18" s="1"/>
      <c r="BL18" s="1"/>
      <c r="BM18" s="1" t="s">
        <v>900</v>
      </c>
      <c r="BN18" s="1">
        <v>3.3000000000000002E-2</v>
      </c>
      <c r="BO18" s="1">
        <v>44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2638888888888884</v>
      </c>
      <c r="C19" s="1" t="s">
        <v>855</v>
      </c>
      <c r="D19" s="1" t="s">
        <v>85</v>
      </c>
      <c r="E19" s="1" t="s">
        <v>857</v>
      </c>
      <c r="F19" s="1" t="s">
        <v>635</v>
      </c>
      <c r="G19" s="1" t="s">
        <v>168</v>
      </c>
      <c r="H19" s="1" t="s">
        <v>63</v>
      </c>
      <c r="I19" s="1" t="s">
        <v>205</v>
      </c>
      <c r="J19" s="1" t="s">
        <v>438</v>
      </c>
      <c r="K19" s="1" t="s">
        <v>209</v>
      </c>
      <c r="L19" s="1" t="s">
        <v>34</v>
      </c>
      <c r="N19" s="1" t="s">
        <v>35</v>
      </c>
      <c r="O19" s="1" t="s">
        <v>278</v>
      </c>
      <c r="P19" s="1" t="s">
        <v>37</v>
      </c>
      <c r="Q19" s="1" t="s">
        <v>161</v>
      </c>
      <c r="R19" s="1" t="s">
        <v>198</v>
      </c>
      <c r="S19" s="1" t="s">
        <v>156</v>
      </c>
      <c r="T19" s="1" t="s">
        <v>60</v>
      </c>
      <c r="U19" s="1">
        <v>9.1999999999999993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9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37</v>
      </c>
      <c r="B20" s="2">
        <v>0.34722222222222227</v>
      </c>
      <c r="C20" s="1" t="s">
        <v>855</v>
      </c>
      <c r="D20" s="1" t="s">
        <v>85</v>
      </c>
      <c r="E20" s="1" t="s">
        <v>474</v>
      </c>
      <c r="F20" s="1" t="s">
        <v>176</v>
      </c>
      <c r="G20" s="1" t="s">
        <v>42</v>
      </c>
      <c r="H20" s="1" t="s">
        <v>44</v>
      </c>
      <c r="I20" s="1" t="s">
        <v>170</v>
      </c>
      <c r="J20" s="1" t="s">
        <v>438</v>
      </c>
      <c r="K20" s="1" t="s">
        <v>170</v>
      </c>
      <c r="L20" s="1" t="s">
        <v>636</v>
      </c>
      <c r="N20" s="1" t="s">
        <v>35</v>
      </c>
      <c r="O20" s="1" t="s">
        <v>637</v>
      </c>
      <c r="P20" s="1" t="s">
        <v>439</v>
      </c>
      <c r="Q20" s="1" t="s">
        <v>179</v>
      </c>
      <c r="R20" s="1" t="s">
        <v>196</v>
      </c>
      <c r="S20" s="1" t="s">
        <v>341</v>
      </c>
      <c r="T20" s="1" t="s">
        <v>638</v>
      </c>
      <c r="U20" s="1">
        <v>8.8000000000000007</v>
      </c>
      <c r="V20" s="4">
        <v>49000</v>
      </c>
      <c r="W20" s="1"/>
      <c r="X20" s="1">
        <v>1.3</v>
      </c>
      <c r="Y20" s="1">
        <v>7.0999999999999994E-2</v>
      </c>
      <c r="Z20" s="1">
        <v>0.02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1</v>
      </c>
      <c r="BC20" s="1">
        <v>0.99</v>
      </c>
      <c r="BD20" s="1">
        <v>1</v>
      </c>
      <c r="BE20" s="1"/>
      <c r="BF20" s="1"/>
      <c r="BG20" s="1"/>
      <c r="BH20" s="1"/>
      <c r="BI20" s="1"/>
      <c r="BJ20" s="1"/>
      <c r="BK20" s="1"/>
      <c r="BL20" s="1"/>
      <c r="BM20" s="1" t="s">
        <v>900</v>
      </c>
      <c r="BN20" s="1">
        <v>2.8000000000000001E-2</v>
      </c>
      <c r="BO20" s="1">
        <v>27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2638888888888884</v>
      </c>
      <c r="C21" s="1" t="s">
        <v>855</v>
      </c>
      <c r="D21" s="1" t="s">
        <v>85</v>
      </c>
      <c r="E21" s="1" t="s">
        <v>474</v>
      </c>
      <c r="F21" s="1" t="s">
        <v>176</v>
      </c>
      <c r="G21" s="1" t="s">
        <v>271</v>
      </c>
      <c r="H21" s="1" t="s">
        <v>63</v>
      </c>
      <c r="I21" s="1" t="s">
        <v>225</v>
      </c>
      <c r="J21" s="1" t="s">
        <v>438</v>
      </c>
      <c r="K21" s="1" t="s">
        <v>205</v>
      </c>
      <c r="L21" s="1" t="s">
        <v>127</v>
      </c>
      <c r="N21" s="1" t="s">
        <v>35</v>
      </c>
      <c r="O21" s="1" t="s">
        <v>407</v>
      </c>
      <c r="P21" s="1" t="s">
        <v>439</v>
      </c>
      <c r="Q21" s="1" t="s">
        <v>210</v>
      </c>
      <c r="R21" s="1" t="s">
        <v>90</v>
      </c>
      <c r="S21" s="1" t="s">
        <v>91</v>
      </c>
      <c r="T21" s="1" t="s">
        <v>639</v>
      </c>
      <c r="U21" s="1">
        <v>8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29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44</v>
      </c>
      <c r="B22" s="2">
        <v>0.375</v>
      </c>
      <c r="C22" s="1" t="s">
        <v>855</v>
      </c>
      <c r="D22" s="1" t="s">
        <v>27</v>
      </c>
      <c r="E22" s="1" t="s">
        <v>28</v>
      </c>
      <c r="F22" s="1" t="s">
        <v>348</v>
      </c>
      <c r="G22" s="1" t="s">
        <v>452</v>
      </c>
      <c r="H22" s="1" t="s">
        <v>44</v>
      </c>
      <c r="I22" s="1" t="s">
        <v>185</v>
      </c>
      <c r="J22" s="1" t="s">
        <v>438</v>
      </c>
      <c r="K22" s="1" t="s">
        <v>352</v>
      </c>
      <c r="L22" s="1" t="s">
        <v>34</v>
      </c>
      <c r="N22" s="1" t="s">
        <v>35</v>
      </c>
      <c r="O22" s="1" t="s">
        <v>278</v>
      </c>
      <c r="P22" s="1" t="s">
        <v>37</v>
      </c>
      <c r="Q22" s="1" t="s">
        <v>161</v>
      </c>
      <c r="R22" s="1" t="s">
        <v>104</v>
      </c>
      <c r="S22" s="1" t="s">
        <v>59</v>
      </c>
      <c r="T22" s="1" t="s">
        <v>60</v>
      </c>
      <c r="U22" s="1">
        <v>11.3</v>
      </c>
      <c r="V22" s="4">
        <v>13000</v>
      </c>
      <c r="W22" s="1" t="s">
        <v>887</v>
      </c>
      <c r="X22" s="1">
        <v>2.2000000000000002</v>
      </c>
      <c r="Y22" s="1">
        <v>3.5000000000000003E-2</v>
      </c>
      <c r="Z22" s="1">
        <v>4.4999999999999997E-3</v>
      </c>
      <c r="AA22" s="1"/>
      <c r="AB22" s="1"/>
      <c r="AC22" s="1" t="s">
        <v>881</v>
      </c>
      <c r="AD22" s="1" t="s">
        <v>882</v>
      </c>
      <c r="AE22" s="1" t="s">
        <v>883</v>
      </c>
      <c r="AF22" s="1" t="s">
        <v>884</v>
      </c>
      <c r="AG22" s="1" t="s">
        <v>885</v>
      </c>
      <c r="AH22" s="1" t="s">
        <v>883</v>
      </c>
      <c r="AI22" s="1"/>
      <c r="AJ22" s="1"/>
      <c r="AK22" s="1" t="s">
        <v>886</v>
      </c>
      <c r="AL22" s="1" t="s">
        <v>886</v>
      </c>
      <c r="AM22" s="1" t="s">
        <v>886</v>
      </c>
      <c r="AN22" s="1" t="s">
        <v>886</v>
      </c>
      <c r="AO22" s="1" t="s">
        <v>886</v>
      </c>
      <c r="AP22" t="s">
        <v>886</v>
      </c>
      <c r="AQ22" s="1" t="s">
        <v>886</v>
      </c>
      <c r="AR22" s="1" t="s">
        <v>886</v>
      </c>
      <c r="AS22" s="1" t="s">
        <v>886</v>
      </c>
      <c r="AT22" s="1" t="s">
        <v>888</v>
      </c>
      <c r="AU22" s="1" t="s">
        <v>883</v>
      </c>
      <c r="AV22" s="1" t="s">
        <v>881</v>
      </c>
      <c r="AW22" s="1" t="s">
        <v>881</v>
      </c>
      <c r="AX22" s="1" t="s">
        <v>886</v>
      </c>
      <c r="AY22" s="1" t="s">
        <v>894</v>
      </c>
      <c r="AZ22" s="1" t="s">
        <v>893</v>
      </c>
      <c r="BA22" s="1">
        <v>0.03</v>
      </c>
      <c r="BB22" s="1">
        <v>0.02</v>
      </c>
      <c r="BC22" s="1">
        <v>0.99</v>
      </c>
      <c r="BD22" s="1">
        <v>1</v>
      </c>
      <c r="BE22" s="1" t="s">
        <v>885</v>
      </c>
      <c r="BF22" s="1" t="s">
        <v>885</v>
      </c>
      <c r="BG22" s="1">
        <v>1.6999999999999999E-3</v>
      </c>
      <c r="BH22" s="1">
        <v>0.06</v>
      </c>
      <c r="BI22" s="1">
        <v>0.01</v>
      </c>
      <c r="BJ22" s="1"/>
      <c r="BK22" s="1"/>
      <c r="BL22" s="1" t="s">
        <v>889</v>
      </c>
      <c r="BM22" s="1" t="s">
        <v>900</v>
      </c>
      <c r="BN22" s="1">
        <v>2.5000000000000001E-2</v>
      </c>
      <c r="BO22" s="1">
        <v>48</v>
      </c>
      <c r="BP22" s="1">
        <v>45</v>
      </c>
      <c r="BQ22" s="1"/>
      <c r="BR22" s="1" t="s">
        <v>901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4722222222222221</v>
      </c>
      <c r="C23" s="1" t="s">
        <v>855</v>
      </c>
      <c r="D23" s="1" t="s">
        <v>27</v>
      </c>
      <c r="E23" s="1" t="s">
        <v>28</v>
      </c>
      <c r="F23" s="1" t="s">
        <v>216</v>
      </c>
      <c r="G23" s="1" t="s">
        <v>361</v>
      </c>
      <c r="H23" s="1" t="s">
        <v>32</v>
      </c>
      <c r="I23" s="1" t="s">
        <v>234</v>
      </c>
      <c r="J23" s="1" t="s">
        <v>438</v>
      </c>
      <c r="K23" s="1" t="s">
        <v>170</v>
      </c>
      <c r="L23" s="1" t="s">
        <v>34</v>
      </c>
      <c r="N23" s="1" t="s">
        <v>35</v>
      </c>
      <c r="O23" s="1" t="s">
        <v>278</v>
      </c>
      <c r="P23" s="1" t="s">
        <v>37</v>
      </c>
      <c r="Q23" s="1" t="s">
        <v>140</v>
      </c>
      <c r="R23" s="1" t="s">
        <v>108</v>
      </c>
      <c r="S23" s="1" t="s">
        <v>220</v>
      </c>
      <c r="T23" s="1" t="s">
        <v>60</v>
      </c>
      <c r="U23" s="1">
        <v>11.2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4</v>
      </c>
      <c r="BP23" s="1">
        <v>32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95</v>
      </c>
      <c r="B24" s="2">
        <v>0.35416666666666669</v>
      </c>
      <c r="C24" s="1" t="s">
        <v>855</v>
      </c>
      <c r="D24" s="1" t="s">
        <v>85</v>
      </c>
      <c r="E24" s="1" t="s">
        <v>857</v>
      </c>
      <c r="F24" s="1" t="s">
        <v>444</v>
      </c>
      <c r="G24" s="1" t="s">
        <v>376</v>
      </c>
      <c r="H24" s="1" t="s">
        <v>63</v>
      </c>
      <c r="I24" s="1" t="s">
        <v>223</v>
      </c>
      <c r="J24" s="1" t="s">
        <v>438</v>
      </c>
      <c r="K24" s="1" t="s">
        <v>200</v>
      </c>
      <c r="L24" s="1" t="s">
        <v>34</v>
      </c>
      <c r="N24" s="1" t="s">
        <v>35</v>
      </c>
      <c r="O24" s="1" t="s">
        <v>278</v>
      </c>
      <c r="P24" s="1" t="s">
        <v>37</v>
      </c>
      <c r="Q24" s="1" t="s">
        <v>411</v>
      </c>
      <c r="R24" s="1" t="s">
        <v>245</v>
      </c>
      <c r="S24" s="1" t="s">
        <v>181</v>
      </c>
      <c r="T24" s="1" t="s">
        <v>41</v>
      </c>
      <c r="U24" s="1">
        <v>11.3</v>
      </c>
      <c r="V24" s="4">
        <v>3300</v>
      </c>
      <c r="W24" s="1"/>
      <c r="X24" s="1">
        <v>2.1</v>
      </c>
      <c r="Y24" s="1">
        <v>4.1000000000000002E-2</v>
      </c>
      <c r="Z24" s="1">
        <v>7.4000000000000003E-3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01</v>
      </c>
      <c r="BC24" s="1">
        <v>1.8</v>
      </c>
      <c r="BD24" s="1">
        <v>1.8</v>
      </c>
      <c r="BE24" s="1"/>
      <c r="BF24" s="1"/>
      <c r="BG24" s="1"/>
      <c r="BH24" s="1"/>
      <c r="BI24" s="1"/>
      <c r="BJ24" s="1"/>
      <c r="BK24" s="1"/>
      <c r="BL24" s="1"/>
      <c r="BM24" s="1" t="s">
        <v>900</v>
      </c>
      <c r="BN24" s="1">
        <v>2.8000000000000001E-2</v>
      </c>
      <c r="BO24" s="1">
        <v>39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3333333333333337</v>
      </c>
      <c r="C25" s="1" t="s">
        <v>855</v>
      </c>
      <c r="D25" s="1" t="s">
        <v>85</v>
      </c>
      <c r="E25" s="1" t="s">
        <v>857</v>
      </c>
      <c r="F25" s="1" t="s">
        <v>323</v>
      </c>
      <c r="G25" s="1" t="s">
        <v>394</v>
      </c>
      <c r="H25" s="1" t="s">
        <v>32</v>
      </c>
      <c r="I25" s="1" t="s">
        <v>247</v>
      </c>
      <c r="J25" s="1" t="s">
        <v>438</v>
      </c>
      <c r="K25" s="1" t="s">
        <v>237</v>
      </c>
      <c r="L25" s="1" t="s">
        <v>34</v>
      </c>
      <c r="N25" s="1" t="s">
        <v>35</v>
      </c>
      <c r="O25" s="1" t="s">
        <v>57</v>
      </c>
      <c r="P25" s="1" t="s">
        <v>37</v>
      </c>
      <c r="Q25" s="1" t="s">
        <v>161</v>
      </c>
      <c r="R25" s="1" t="s">
        <v>101</v>
      </c>
      <c r="S25" s="1" t="s">
        <v>59</v>
      </c>
      <c r="T25" s="1" t="s">
        <v>68</v>
      </c>
      <c r="U25" s="1">
        <v>11.5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53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8</v>
      </c>
      <c r="B26" s="2">
        <v>0.35416666666666669</v>
      </c>
      <c r="C26" s="1" t="s">
        <v>855</v>
      </c>
      <c r="D26" s="1" t="s">
        <v>85</v>
      </c>
      <c r="E26" s="1" t="s">
        <v>857</v>
      </c>
      <c r="F26" s="1" t="s">
        <v>429</v>
      </c>
      <c r="G26" s="1" t="s">
        <v>640</v>
      </c>
      <c r="H26" s="1" t="s">
        <v>44</v>
      </c>
      <c r="I26" s="1" t="s">
        <v>321</v>
      </c>
      <c r="J26" s="1" t="s">
        <v>438</v>
      </c>
      <c r="K26" s="1" t="s">
        <v>185</v>
      </c>
      <c r="L26" s="1" t="s">
        <v>34</v>
      </c>
      <c r="N26" s="1" t="s">
        <v>35</v>
      </c>
      <c r="O26" s="1" t="s">
        <v>278</v>
      </c>
      <c r="P26" s="1" t="s">
        <v>37</v>
      </c>
      <c r="Q26" s="1" t="s">
        <v>411</v>
      </c>
      <c r="R26" s="1" t="s">
        <v>172</v>
      </c>
      <c r="S26" s="1" t="s">
        <v>40</v>
      </c>
      <c r="T26" s="1" t="s">
        <v>60</v>
      </c>
      <c r="U26" s="1">
        <v>10.6</v>
      </c>
      <c r="V26" s="4">
        <v>7900</v>
      </c>
      <c r="W26" s="1"/>
      <c r="X26" s="1">
        <v>2.1</v>
      </c>
      <c r="Y26" s="1">
        <v>0.04</v>
      </c>
      <c r="Z26" s="1">
        <v>0.01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98</v>
      </c>
      <c r="BD26" s="1">
        <v>1</v>
      </c>
      <c r="BE26" s="1"/>
      <c r="BF26" s="1"/>
      <c r="BG26" s="1"/>
      <c r="BH26" s="1"/>
      <c r="BI26" s="1"/>
      <c r="BJ26" s="1"/>
      <c r="BK26" s="1"/>
      <c r="BL26" s="1"/>
      <c r="BM26" s="1" t="s">
        <v>900</v>
      </c>
      <c r="BN26" s="1">
        <v>2.1999999999999999E-2</v>
      </c>
      <c r="BO26" s="1">
        <v>42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3333333333333337</v>
      </c>
      <c r="C27" s="1" t="s">
        <v>855</v>
      </c>
      <c r="D27" s="1" t="s">
        <v>85</v>
      </c>
      <c r="E27" s="1" t="s">
        <v>857</v>
      </c>
      <c r="F27" s="1" t="s">
        <v>130</v>
      </c>
      <c r="G27" s="1" t="s">
        <v>641</v>
      </c>
      <c r="H27" s="1" t="s">
        <v>72</v>
      </c>
      <c r="I27" s="1" t="s">
        <v>642</v>
      </c>
      <c r="J27" s="1" t="s">
        <v>438</v>
      </c>
      <c r="K27" s="1" t="s">
        <v>342</v>
      </c>
      <c r="L27" s="1" t="s">
        <v>154</v>
      </c>
      <c r="N27" s="1" t="s">
        <v>35</v>
      </c>
      <c r="O27" s="1" t="s">
        <v>407</v>
      </c>
      <c r="P27" s="1" t="s">
        <v>37</v>
      </c>
      <c r="Q27" s="1" t="s">
        <v>161</v>
      </c>
      <c r="R27" s="1" t="s">
        <v>172</v>
      </c>
      <c r="S27" s="1" t="s">
        <v>282</v>
      </c>
      <c r="T27" s="1" t="s">
        <v>174</v>
      </c>
      <c r="U27" s="1">
        <v>10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43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0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67</v>
      </c>
      <c r="C1" s="1" t="s">
        <v>1</v>
      </c>
      <c r="D1" s="1" t="s">
        <v>869</v>
      </c>
      <c r="E1" s="1" t="s">
        <v>2</v>
      </c>
      <c r="F1" s="1" t="s">
        <v>866</v>
      </c>
      <c r="G1" s="1" t="s">
        <v>3</v>
      </c>
      <c r="H1" s="1" t="s">
        <v>862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3</v>
      </c>
      <c r="AB2" s="1" t="s">
        <v>919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7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0972222222222227</v>
      </c>
      <c r="C4" s="1" t="s">
        <v>855</v>
      </c>
      <c r="D4" s="1" t="s">
        <v>164</v>
      </c>
      <c r="E4" s="1" t="s">
        <v>28</v>
      </c>
      <c r="F4" s="1" t="s">
        <v>43</v>
      </c>
      <c r="G4" s="1" t="s">
        <v>643</v>
      </c>
      <c r="H4" s="1" t="s">
        <v>189</v>
      </c>
      <c r="I4" s="1" t="s">
        <v>644</v>
      </c>
      <c r="J4" s="1" t="s">
        <v>438</v>
      </c>
      <c r="K4" s="1" t="s">
        <v>88</v>
      </c>
      <c r="L4" s="1" t="s">
        <v>95</v>
      </c>
      <c r="N4" s="1" t="s">
        <v>35</v>
      </c>
      <c r="O4" s="1" t="s">
        <v>478</v>
      </c>
      <c r="P4" s="1" t="s">
        <v>439</v>
      </c>
      <c r="Q4" s="1" t="s">
        <v>210</v>
      </c>
      <c r="R4" s="1" t="s">
        <v>121</v>
      </c>
      <c r="S4" s="1" t="s">
        <v>296</v>
      </c>
      <c r="T4" s="1" t="s">
        <v>286</v>
      </c>
      <c r="U4" s="1">
        <v>9.4</v>
      </c>
      <c r="V4" s="4">
        <v>17000</v>
      </c>
      <c r="W4" s="1"/>
      <c r="X4" s="1">
        <v>5.2</v>
      </c>
      <c r="Y4" s="1">
        <v>0.34</v>
      </c>
      <c r="Z4" s="1">
        <v>2.5999999999999999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4</v>
      </c>
      <c r="BC4" s="1">
        <v>4.5</v>
      </c>
      <c r="BD4" s="1">
        <v>4.5</v>
      </c>
      <c r="BE4" s="1"/>
      <c r="BF4" s="1"/>
      <c r="BG4" s="1"/>
      <c r="BH4" s="1"/>
      <c r="BI4" s="1"/>
      <c r="BJ4" s="1"/>
      <c r="BK4" s="1"/>
      <c r="BL4" s="1"/>
      <c r="BM4" s="1">
        <v>0.08</v>
      </c>
      <c r="BN4" s="1">
        <v>0.31</v>
      </c>
      <c r="BO4" s="1">
        <v>46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9583333333333337</v>
      </c>
      <c r="C5" s="1" t="s">
        <v>855</v>
      </c>
      <c r="D5" s="1" t="s">
        <v>85</v>
      </c>
      <c r="E5" s="1" t="s">
        <v>28</v>
      </c>
      <c r="F5" s="1" t="s">
        <v>43</v>
      </c>
      <c r="G5" s="1" t="s">
        <v>183</v>
      </c>
      <c r="H5" s="1" t="s">
        <v>169</v>
      </c>
      <c r="I5" s="1" t="s">
        <v>645</v>
      </c>
      <c r="J5" s="1" t="s">
        <v>438</v>
      </c>
      <c r="K5" s="1" t="s">
        <v>88</v>
      </c>
      <c r="L5" s="1" t="s">
        <v>34</v>
      </c>
      <c r="N5" s="1" t="s">
        <v>35</v>
      </c>
      <c r="O5" s="1" t="s">
        <v>36</v>
      </c>
      <c r="P5" s="1" t="s">
        <v>439</v>
      </c>
      <c r="Q5" s="1" t="s">
        <v>186</v>
      </c>
      <c r="R5" s="1" t="s">
        <v>163</v>
      </c>
      <c r="S5" s="1" t="s">
        <v>81</v>
      </c>
      <c r="T5" s="1" t="s">
        <v>174</v>
      </c>
      <c r="U5" s="1">
        <v>7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7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93</v>
      </c>
      <c r="B6" s="2">
        <v>0.40972222222222227</v>
      </c>
      <c r="C6" s="1" t="s">
        <v>855</v>
      </c>
      <c r="D6" s="1" t="s">
        <v>27</v>
      </c>
      <c r="E6" s="1" t="s">
        <v>28</v>
      </c>
      <c r="F6" s="1" t="s">
        <v>222</v>
      </c>
      <c r="G6" s="1" t="s">
        <v>562</v>
      </c>
      <c r="H6" s="1" t="s">
        <v>205</v>
      </c>
      <c r="I6" s="1" t="s">
        <v>646</v>
      </c>
      <c r="J6" s="1" t="s">
        <v>438</v>
      </c>
      <c r="K6" s="1" t="s">
        <v>331</v>
      </c>
      <c r="L6" s="1" t="s">
        <v>34</v>
      </c>
      <c r="N6" s="1" t="s">
        <v>35</v>
      </c>
      <c r="O6" s="1" t="s">
        <v>36</v>
      </c>
      <c r="P6" s="1" t="s">
        <v>439</v>
      </c>
      <c r="Q6" s="1" t="s">
        <v>210</v>
      </c>
      <c r="R6" s="1" t="s">
        <v>39</v>
      </c>
      <c r="S6" s="1" t="s">
        <v>341</v>
      </c>
      <c r="T6" s="1" t="s">
        <v>286</v>
      </c>
      <c r="U6" s="1">
        <v>8.6</v>
      </c>
      <c r="V6" s="4">
        <v>13000</v>
      </c>
      <c r="W6" s="1"/>
      <c r="X6" s="1">
        <v>4.7</v>
      </c>
      <c r="Y6" s="1">
        <v>0.36</v>
      </c>
      <c r="Z6" s="1">
        <v>1.7999999999999999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4.0999999999999996</v>
      </c>
      <c r="BD6" s="1">
        <v>4.0999999999999996</v>
      </c>
      <c r="BE6" s="1"/>
      <c r="BF6" s="1"/>
      <c r="BG6" s="1"/>
      <c r="BH6" s="1"/>
      <c r="BI6" s="1"/>
      <c r="BJ6" s="1"/>
      <c r="BK6" s="1"/>
      <c r="BL6" s="1"/>
      <c r="BM6" s="1">
        <v>0.06</v>
      </c>
      <c r="BN6" s="1">
        <v>0.28999999999999998</v>
      </c>
      <c r="BO6" s="1">
        <v>42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9583333333333337</v>
      </c>
      <c r="C7" s="1" t="s">
        <v>855</v>
      </c>
      <c r="D7" s="1" t="s">
        <v>85</v>
      </c>
      <c r="E7" s="1" t="s">
        <v>28</v>
      </c>
      <c r="F7" s="1" t="s">
        <v>261</v>
      </c>
      <c r="G7" s="1" t="s">
        <v>250</v>
      </c>
      <c r="H7" s="1" t="s">
        <v>200</v>
      </c>
      <c r="I7" s="1" t="s">
        <v>647</v>
      </c>
      <c r="J7" s="1" t="s">
        <v>438</v>
      </c>
      <c r="K7" s="1" t="s">
        <v>258</v>
      </c>
      <c r="L7" s="1" t="s">
        <v>34</v>
      </c>
      <c r="N7" s="1" t="s">
        <v>35</v>
      </c>
      <c r="O7" s="1" t="s">
        <v>36</v>
      </c>
      <c r="P7" s="1" t="s">
        <v>439</v>
      </c>
      <c r="Q7" s="1" t="s">
        <v>145</v>
      </c>
      <c r="R7" s="1" t="s">
        <v>180</v>
      </c>
      <c r="S7" s="1" t="s">
        <v>147</v>
      </c>
      <c r="T7" s="1" t="s">
        <v>41</v>
      </c>
      <c r="U7" s="1">
        <v>6.8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9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9</v>
      </c>
      <c r="B8" s="2">
        <v>0.41666666666666669</v>
      </c>
      <c r="C8" s="1" t="s">
        <v>855</v>
      </c>
      <c r="D8" s="1" t="s">
        <v>85</v>
      </c>
      <c r="E8" s="1" t="s">
        <v>857</v>
      </c>
      <c r="F8" s="1" t="s">
        <v>92</v>
      </c>
      <c r="G8" s="1" t="s">
        <v>362</v>
      </c>
      <c r="H8" s="1" t="s">
        <v>200</v>
      </c>
      <c r="I8" s="1" t="s">
        <v>648</v>
      </c>
      <c r="J8" s="1" t="s">
        <v>438</v>
      </c>
      <c r="K8" s="1" t="s">
        <v>258</v>
      </c>
      <c r="L8" s="1" t="s">
        <v>34</v>
      </c>
      <c r="N8" s="1" t="s">
        <v>35</v>
      </c>
      <c r="O8" s="1" t="s">
        <v>36</v>
      </c>
      <c r="P8" s="1" t="s">
        <v>439</v>
      </c>
      <c r="Q8" s="1" t="s">
        <v>179</v>
      </c>
      <c r="R8" s="1" t="s">
        <v>146</v>
      </c>
      <c r="S8" s="1" t="s">
        <v>147</v>
      </c>
      <c r="T8" s="1" t="s">
        <v>68</v>
      </c>
      <c r="U8" s="1">
        <v>8.4</v>
      </c>
      <c r="V8" s="4">
        <v>13000</v>
      </c>
      <c r="W8" s="1"/>
      <c r="X8" s="1">
        <v>4.2</v>
      </c>
      <c r="Y8" s="1">
        <v>0.28999999999999998</v>
      </c>
      <c r="Z8" s="1">
        <v>2.1000000000000001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4</v>
      </c>
      <c r="BC8" s="1">
        <v>3.7</v>
      </c>
      <c r="BD8" s="1">
        <v>3.7</v>
      </c>
      <c r="BE8" s="1"/>
      <c r="BF8" s="1"/>
      <c r="BG8" s="1"/>
      <c r="BH8" s="1"/>
      <c r="BI8" s="1"/>
      <c r="BJ8" s="1"/>
      <c r="BK8" s="1"/>
      <c r="BL8" s="1"/>
      <c r="BM8" s="1">
        <v>0.06</v>
      </c>
      <c r="BN8" s="1">
        <v>0.28000000000000003</v>
      </c>
      <c r="BO8" s="1">
        <v>41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8888888888888884</v>
      </c>
      <c r="C9" s="1" t="s">
        <v>855</v>
      </c>
      <c r="D9" s="1" t="s">
        <v>85</v>
      </c>
      <c r="E9" s="1" t="s">
        <v>857</v>
      </c>
      <c r="F9" s="1" t="s">
        <v>390</v>
      </c>
      <c r="G9" s="1" t="s">
        <v>246</v>
      </c>
      <c r="H9" s="1" t="s">
        <v>237</v>
      </c>
      <c r="I9" s="1" t="s">
        <v>649</v>
      </c>
      <c r="J9" s="1" t="s">
        <v>438</v>
      </c>
      <c r="K9" s="1" t="s">
        <v>224</v>
      </c>
      <c r="L9" s="1" t="s">
        <v>34</v>
      </c>
      <c r="N9" s="1" t="s">
        <v>35</v>
      </c>
      <c r="O9" s="1" t="s">
        <v>36</v>
      </c>
      <c r="P9" s="1" t="s">
        <v>439</v>
      </c>
      <c r="Q9" s="1" t="s">
        <v>186</v>
      </c>
      <c r="R9" s="1" t="s">
        <v>149</v>
      </c>
      <c r="S9" s="1" t="s">
        <v>361</v>
      </c>
      <c r="T9" s="1" t="s">
        <v>286</v>
      </c>
      <c r="U9" s="1">
        <v>6.4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4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4375</v>
      </c>
      <c r="C10" s="1" t="s">
        <v>855</v>
      </c>
      <c r="D10" s="1" t="s">
        <v>85</v>
      </c>
      <c r="E10" s="1" t="s">
        <v>28</v>
      </c>
      <c r="F10" s="1" t="s">
        <v>353</v>
      </c>
      <c r="G10" s="1" t="s">
        <v>499</v>
      </c>
      <c r="H10" s="1" t="s">
        <v>184</v>
      </c>
      <c r="I10" s="1" t="s">
        <v>650</v>
      </c>
      <c r="J10" s="1" t="s">
        <v>438</v>
      </c>
      <c r="K10" s="1" t="s">
        <v>74</v>
      </c>
      <c r="L10" s="1" t="s">
        <v>34</v>
      </c>
      <c r="N10" s="1" t="s">
        <v>35</v>
      </c>
      <c r="O10" s="1" t="s">
        <v>36</v>
      </c>
      <c r="P10" s="1" t="s">
        <v>439</v>
      </c>
      <c r="Q10" s="1" t="s">
        <v>81</v>
      </c>
      <c r="R10" s="1" t="s">
        <v>180</v>
      </c>
      <c r="S10" s="1" t="s">
        <v>296</v>
      </c>
      <c r="T10" s="1" t="s">
        <v>68</v>
      </c>
      <c r="U10" s="1">
        <v>8.5</v>
      </c>
      <c r="V10" s="4">
        <v>4900</v>
      </c>
      <c r="W10" s="1" t="s">
        <v>887</v>
      </c>
      <c r="X10" s="1">
        <v>4.5</v>
      </c>
      <c r="Y10" s="1">
        <v>0.14000000000000001</v>
      </c>
      <c r="Z10" s="1">
        <v>2.1000000000000001E-2</v>
      </c>
      <c r="AA10" s="1"/>
      <c r="AB10" s="1"/>
      <c r="AC10" s="1" t="s">
        <v>881</v>
      </c>
      <c r="AD10" s="1" t="s">
        <v>882</v>
      </c>
      <c r="AE10" s="1" t="s">
        <v>883</v>
      </c>
      <c r="AF10" s="1" t="s">
        <v>884</v>
      </c>
      <c r="AG10" s="1" t="s">
        <v>885</v>
      </c>
      <c r="AH10" s="1" t="s">
        <v>883</v>
      </c>
      <c r="AI10" s="1"/>
      <c r="AJ10" s="1"/>
      <c r="AK10" s="1" t="s">
        <v>886</v>
      </c>
      <c r="AL10" s="1" t="s">
        <v>886</v>
      </c>
      <c r="AM10" s="1" t="s">
        <v>886</v>
      </c>
      <c r="AN10" s="1" t="s">
        <v>886</v>
      </c>
      <c r="AO10" s="1" t="s">
        <v>886</v>
      </c>
      <c r="AP10" t="s">
        <v>886</v>
      </c>
      <c r="AQ10" s="1" t="s">
        <v>886</v>
      </c>
      <c r="AR10" s="1" t="s">
        <v>886</v>
      </c>
      <c r="AS10" s="1" t="s">
        <v>886</v>
      </c>
      <c r="AT10" s="1" t="s">
        <v>888</v>
      </c>
      <c r="AU10" s="1" t="s">
        <v>883</v>
      </c>
      <c r="AV10" s="1" t="s">
        <v>881</v>
      </c>
      <c r="AW10" s="1" t="s">
        <v>881</v>
      </c>
      <c r="AX10" s="1" t="s">
        <v>886</v>
      </c>
      <c r="AY10" s="1" t="s">
        <v>894</v>
      </c>
      <c r="AZ10" s="1" t="s">
        <v>893</v>
      </c>
      <c r="BA10" s="1">
        <v>0.06</v>
      </c>
      <c r="BB10" s="1">
        <v>0.06</v>
      </c>
      <c r="BC10" s="1">
        <v>3.9</v>
      </c>
      <c r="BD10" s="1">
        <v>3.9</v>
      </c>
      <c r="BE10" s="1" t="s">
        <v>885</v>
      </c>
      <c r="BF10" s="1" t="s">
        <v>885</v>
      </c>
      <c r="BG10" s="1">
        <v>3.5999999999999999E-3</v>
      </c>
      <c r="BH10" s="1">
        <v>0.04</v>
      </c>
      <c r="BI10" s="1">
        <v>0.01</v>
      </c>
      <c r="BJ10" s="1"/>
      <c r="BK10" s="1"/>
      <c r="BL10" s="1" t="s">
        <v>889</v>
      </c>
      <c r="BM10" s="1">
        <v>0.08</v>
      </c>
      <c r="BN10" s="1">
        <v>0.11</v>
      </c>
      <c r="BO10" s="1">
        <v>46</v>
      </c>
      <c r="BP10" s="1">
        <v>52</v>
      </c>
      <c r="BQ10" s="1"/>
      <c r="BR10" s="1" t="s">
        <v>901</v>
      </c>
      <c r="BS10" s="1" t="s">
        <v>885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0277777777777779</v>
      </c>
      <c r="C11" s="1" t="s">
        <v>855</v>
      </c>
      <c r="D11" s="1" t="s">
        <v>85</v>
      </c>
      <c r="E11" s="1" t="s">
        <v>28</v>
      </c>
      <c r="F11" s="1" t="s">
        <v>242</v>
      </c>
      <c r="G11" s="1" t="s">
        <v>70</v>
      </c>
      <c r="H11" s="1" t="s">
        <v>184</v>
      </c>
      <c r="I11" s="1" t="s">
        <v>467</v>
      </c>
      <c r="J11" s="1" t="s">
        <v>438</v>
      </c>
      <c r="K11" s="1" t="s">
        <v>80</v>
      </c>
      <c r="L11" s="1" t="s">
        <v>34</v>
      </c>
      <c r="N11" s="1" t="s">
        <v>35</v>
      </c>
      <c r="O11" s="1" t="s">
        <v>36</v>
      </c>
      <c r="P11" s="1" t="s">
        <v>439</v>
      </c>
      <c r="Q11" s="1" t="s">
        <v>179</v>
      </c>
      <c r="R11" s="1" t="s">
        <v>82</v>
      </c>
      <c r="S11" s="1" t="s">
        <v>145</v>
      </c>
      <c r="T11" s="1" t="s">
        <v>41</v>
      </c>
      <c r="U11" s="1">
        <v>6.3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5</v>
      </c>
      <c r="BP11" s="1">
        <v>5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7</v>
      </c>
      <c r="B12" s="2">
        <v>0.4236111111111111</v>
      </c>
      <c r="C12" s="1" t="s">
        <v>855</v>
      </c>
      <c r="D12" s="1" t="s">
        <v>27</v>
      </c>
      <c r="E12" s="1" t="s">
        <v>28</v>
      </c>
      <c r="F12" s="1" t="s">
        <v>364</v>
      </c>
      <c r="G12" s="1" t="s">
        <v>233</v>
      </c>
      <c r="H12" s="1" t="s">
        <v>234</v>
      </c>
      <c r="I12" s="1" t="s">
        <v>651</v>
      </c>
      <c r="J12" s="1" t="s">
        <v>438</v>
      </c>
      <c r="K12" s="1" t="s">
        <v>302</v>
      </c>
      <c r="L12" s="1" t="s">
        <v>34</v>
      </c>
      <c r="N12" s="1" t="s">
        <v>35</v>
      </c>
      <c r="O12" s="1" t="s">
        <v>36</v>
      </c>
      <c r="P12" s="1" t="s">
        <v>439</v>
      </c>
      <c r="Q12" s="1" t="s">
        <v>179</v>
      </c>
      <c r="R12" s="1" t="s">
        <v>39</v>
      </c>
      <c r="S12" s="1" t="s">
        <v>186</v>
      </c>
      <c r="T12" s="1" t="s">
        <v>68</v>
      </c>
      <c r="U12" s="1">
        <v>8.3000000000000007</v>
      </c>
      <c r="V12" s="4">
        <v>4900</v>
      </c>
      <c r="W12" s="1"/>
      <c r="X12" s="1">
        <v>5.6</v>
      </c>
      <c r="Y12" s="1">
        <v>0.28000000000000003</v>
      </c>
      <c r="Z12" s="1">
        <v>2.4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12</v>
      </c>
      <c r="BC12" s="1">
        <v>4.4000000000000004</v>
      </c>
      <c r="BD12" s="1">
        <v>4.5</v>
      </c>
      <c r="BE12" s="1"/>
      <c r="BF12" s="1"/>
      <c r="BG12" s="1"/>
      <c r="BH12" s="1"/>
      <c r="BI12" s="1"/>
      <c r="BJ12" s="1"/>
      <c r="BK12" s="1"/>
      <c r="BL12" s="1"/>
      <c r="BM12" s="1">
        <v>0.27</v>
      </c>
      <c r="BN12" s="1">
        <v>0.23</v>
      </c>
      <c r="BO12" s="1">
        <v>43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90277777777777779</v>
      </c>
      <c r="C13" s="1" t="s">
        <v>855</v>
      </c>
      <c r="D13" s="1" t="s">
        <v>27</v>
      </c>
      <c r="E13" s="1" t="s">
        <v>28</v>
      </c>
      <c r="F13" s="1" t="s">
        <v>507</v>
      </c>
      <c r="G13" s="1" t="s">
        <v>230</v>
      </c>
      <c r="H13" s="1" t="s">
        <v>189</v>
      </c>
      <c r="I13" s="1" t="s">
        <v>652</v>
      </c>
      <c r="J13" s="1" t="s">
        <v>438</v>
      </c>
      <c r="K13" s="1" t="s">
        <v>100</v>
      </c>
      <c r="L13" s="1" t="s">
        <v>34</v>
      </c>
      <c r="N13" s="1" t="s">
        <v>35</v>
      </c>
      <c r="O13" s="1" t="s">
        <v>36</v>
      </c>
      <c r="P13" s="1" t="s">
        <v>439</v>
      </c>
      <c r="Q13" s="1" t="s">
        <v>179</v>
      </c>
      <c r="R13" s="1" t="s">
        <v>180</v>
      </c>
      <c r="S13" s="1" t="s">
        <v>408</v>
      </c>
      <c r="T13" s="1" t="s">
        <v>41</v>
      </c>
      <c r="U13" s="1">
        <v>6.8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44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52</v>
      </c>
      <c r="B14" s="2">
        <v>0.41666666666666669</v>
      </c>
      <c r="C14" s="1" t="s">
        <v>855</v>
      </c>
      <c r="D14" s="1" t="s">
        <v>85</v>
      </c>
      <c r="E14" s="1" t="s">
        <v>857</v>
      </c>
      <c r="F14" s="1" t="s">
        <v>70</v>
      </c>
      <c r="G14" s="1" t="s">
        <v>218</v>
      </c>
      <c r="H14" s="1" t="s">
        <v>177</v>
      </c>
      <c r="I14" s="1" t="s">
        <v>653</v>
      </c>
      <c r="J14" s="1" t="s">
        <v>438</v>
      </c>
      <c r="K14" s="1" t="s">
        <v>74</v>
      </c>
      <c r="L14" s="1" t="s">
        <v>34</v>
      </c>
      <c r="N14" s="1" t="s">
        <v>35</v>
      </c>
      <c r="O14" s="1" t="s">
        <v>36</v>
      </c>
      <c r="P14" s="1" t="s">
        <v>439</v>
      </c>
      <c r="Q14" s="1" t="s">
        <v>210</v>
      </c>
      <c r="R14" s="1" t="s">
        <v>172</v>
      </c>
      <c r="S14" s="1" t="s">
        <v>288</v>
      </c>
      <c r="T14" s="1" t="s">
        <v>60</v>
      </c>
      <c r="U14" s="1">
        <v>8.6999999999999993</v>
      </c>
      <c r="V14" s="4">
        <v>4900</v>
      </c>
      <c r="W14" s="1"/>
      <c r="X14" s="1">
        <v>5.3</v>
      </c>
      <c r="Y14" s="1">
        <v>0.49</v>
      </c>
      <c r="Z14" s="1">
        <v>2.4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4</v>
      </c>
      <c r="BC14" s="1">
        <v>4.7</v>
      </c>
      <c r="BD14" s="1">
        <v>4.7</v>
      </c>
      <c r="BE14" s="1"/>
      <c r="BF14" s="1"/>
      <c r="BG14" s="1"/>
      <c r="BH14" s="1"/>
      <c r="BI14" s="1"/>
      <c r="BJ14" s="1"/>
      <c r="BK14" s="1"/>
      <c r="BL14" s="1"/>
      <c r="BM14" s="1">
        <v>0.1</v>
      </c>
      <c r="BN14" s="1">
        <v>0.45</v>
      </c>
      <c r="BO14" s="1">
        <v>42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8541666666666663</v>
      </c>
      <c r="C15" s="1" t="s">
        <v>855</v>
      </c>
      <c r="D15" s="1" t="s">
        <v>164</v>
      </c>
      <c r="E15" s="1" t="s">
        <v>857</v>
      </c>
      <c r="F15" s="1" t="s">
        <v>336</v>
      </c>
      <c r="G15" s="1" t="s">
        <v>586</v>
      </c>
      <c r="H15" s="1" t="s">
        <v>169</v>
      </c>
      <c r="I15" s="1" t="s">
        <v>654</v>
      </c>
      <c r="J15" s="1" t="s">
        <v>438</v>
      </c>
      <c r="K15" s="1" t="s">
        <v>74</v>
      </c>
      <c r="L15" s="1" t="s">
        <v>34</v>
      </c>
      <c r="N15" s="1" t="s">
        <v>35</v>
      </c>
      <c r="O15" s="1" t="s">
        <v>36</v>
      </c>
      <c r="P15" s="1" t="s">
        <v>439</v>
      </c>
      <c r="Q15" s="1" t="s">
        <v>145</v>
      </c>
      <c r="R15" s="1" t="s">
        <v>192</v>
      </c>
      <c r="S15" s="1" t="s">
        <v>288</v>
      </c>
      <c r="T15" s="1" t="s">
        <v>60</v>
      </c>
      <c r="U15" s="1">
        <v>6.9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4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466</v>
      </c>
      <c r="B16" s="2">
        <v>0.43055555555555558</v>
      </c>
      <c r="C16" s="1" t="s">
        <v>855</v>
      </c>
      <c r="D16" s="1" t="s">
        <v>27</v>
      </c>
      <c r="E16" s="1" t="s">
        <v>28</v>
      </c>
      <c r="F16" s="1" t="s">
        <v>211</v>
      </c>
      <c r="G16" s="1" t="s">
        <v>449</v>
      </c>
      <c r="H16" s="1" t="s">
        <v>219</v>
      </c>
      <c r="I16" s="1" t="s">
        <v>655</v>
      </c>
      <c r="J16" s="1" t="s">
        <v>438</v>
      </c>
      <c r="K16" s="1" t="s">
        <v>302</v>
      </c>
      <c r="L16" s="1" t="s">
        <v>34</v>
      </c>
      <c r="N16" s="1" t="s">
        <v>35</v>
      </c>
      <c r="O16" s="1" t="s">
        <v>36</v>
      </c>
      <c r="P16" s="1" t="s">
        <v>439</v>
      </c>
      <c r="Q16" s="1" t="s">
        <v>210</v>
      </c>
      <c r="R16" s="1" t="s">
        <v>66</v>
      </c>
      <c r="S16" s="1" t="s">
        <v>157</v>
      </c>
      <c r="T16" s="1" t="s">
        <v>41</v>
      </c>
      <c r="U16" s="1">
        <v>8.6999999999999993</v>
      </c>
      <c r="V16" s="4">
        <v>13000</v>
      </c>
      <c r="W16" s="1"/>
      <c r="X16" s="1">
        <v>5.3</v>
      </c>
      <c r="Y16" s="1">
        <v>0.11</v>
      </c>
      <c r="Z16" s="1">
        <v>2.1000000000000001E-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5</v>
      </c>
      <c r="BC16" s="1">
        <v>4.2</v>
      </c>
      <c r="BD16" s="1">
        <v>4.2</v>
      </c>
      <c r="BE16" s="1"/>
      <c r="BF16" s="1"/>
      <c r="BG16" s="1"/>
      <c r="BH16" s="1"/>
      <c r="BI16" s="1"/>
      <c r="BJ16" s="1"/>
      <c r="BK16" s="1"/>
      <c r="BL16" s="1"/>
      <c r="BM16" s="1">
        <v>0.04</v>
      </c>
      <c r="BN16" s="1">
        <v>9.8000000000000004E-2</v>
      </c>
      <c r="BO16" s="1">
        <v>52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8888888888888884</v>
      </c>
      <c r="C17" s="1" t="s">
        <v>855</v>
      </c>
      <c r="D17" s="1" t="s">
        <v>85</v>
      </c>
      <c r="E17" s="1" t="s">
        <v>28</v>
      </c>
      <c r="F17" s="1" t="s">
        <v>212</v>
      </c>
      <c r="G17" s="1" t="s">
        <v>92</v>
      </c>
      <c r="H17" s="1" t="s">
        <v>225</v>
      </c>
      <c r="I17" s="1" t="s">
        <v>462</v>
      </c>
      <c r="J17" s="1" t="s">
        <v>438</v>
      </c>
      <c r="K17" s="1" t="s">
        <v>302</v>
      </c>
      <c r="L17" s="1" t="s">
        <v>34</v>
      </c>
      <c r="N17" s="1" t="s">
        <v>35</v>
      </c>
      <c r="O17" s="1" t="s">
        <v>36</v>
      </c>
      <c r="P17" s="1" t="s">
        <v>439</v>
      </c>
      <c r="Q17" s="1" t="s">
        <v>186</v>
      </c>
      <c r="R17" s="1" t="s">
        <v>115</v>
      </c>
      <c r="S17" s="1" t="s">
        <v>314</v>
      </c>
      <c r="T17" s="1" t="s">
        <v>60</v>
      </c>
      <c r="U17" s="1">
        <v>6.4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54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72</v>
      </c>
      <c r="B18" s="2">
        <v>0.44444444444444442</v>
      </c>
      <c r="C18" s="1" t="s">
        <v>855</v>
      </c>
      <c r="D18" s="1" t="s">
        <v>27</v>
      </c>
      <c r="E18" s="1" t="s">
        <v>857</v>
      </c>
      <c r="F18" s="1" t="s">
        <v>261</v>
      </c>
      <c r="G18" s="1" t="s">
        <v>386</v>
      </c>
      <c r="H18" s="1" t="s">
        <v>234</v>
      </c>
      <c r="I18" s="1" t="s">
        <v>448</v>
      </c>
      <c r="J18" s="1" t="s">
        <v>438</v>
      </c>
      <c r="K18" s="1" t="s">
        <v>65</v>
      </c>
      <c r="L18" s="1" t="s">
        <v>34</v>
      </c>
      <c r="N18" s="1" t="s">
        <v>35</v>
      </c>
      <c r="O18" s="1" t="s">
        <v>36</v>
      </c>
      <c r="P18" s="1" t="s">
        <v>439</v>
      </c>
      <c r="Q18" s="1" t="s">
        <v>179</v>
      </c>
      <c r="R18" s="1" t="s">
        <v>172</v>
      </c>
      <c r="S18" s="1" t="s">
        <v>323</v>
      </c>
      <c r="T18" s="1" t="s">
        <v>41</v>
      </c>
      <c r="U18" s="1">
        <v>8.8000000000000007</v>
      </c>
      <c r="V18" s="4">
        <v>2300</v>
      </c>
      <c r="W18" s="1"/>
      <c r="X18" s="1">
        <v>6.1</v>
      </c>
      <c r="Y18" s="1">
        <v>0.56000000000000005</v>
      </c>
      <c r="Z18" s="1">
        <v>2.7E-2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6</v>
      </c>
      <c r="BC18" s="1">
        <v>5.4</v>
      </c>
      <c r="BD18" s="1">
        <v>5.4</v>
      </c>
      <c r="BE18" s="1"/>
      <c r="BF18" s="1"/>
      <c r="BG18" s="1"/>
      <c r="BH18" s="1"/>
      <c r="BI18" s="1"/>
      <c r="BJ18" s="1"/>
      <c r="BK18" s="1"/>
      <c r="BL18" s="1"/>
      <c r="BM18" s="1">
        <v>0.09</v>
      </c>
      <c r="BN18" s="1">
        <v>0.51</v>
      </c>
      <c r="BO18" s="1">
        <v>39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90277777777777779</v>
      </c>
      <c r="C19" s="1" t="s">
        <v>855</v>
      </c>
      <c r="D19" s="1" t="s">
        <v>85</v>
      </c>
      <c r="E19" s="1" t="s">
        <v>857</v>
      </c>
      <c r="F19" s="1" t="s">
        <v>175</v>
      </c>
      <c r="G19" s="1" t="s">
        <v>382</v>
      </c>
      <c r="H19" s="1" t="s">
        <v>225</v>
      </c>
      <c r="I19" s="1" t="s">
        <v>656</v>
      </c>
      <c r="J19" s="1" t="s">
        <v>438</v>
      </c>
      <c r="K19" s="1" t="s">
        <v>94</v>
      </c>
      <c r="L19" s="1" t="s">
        <v>34</v>
      </c>
      <c r="N19" s="1" t="s">
        <v>35</v>
      </c>
      <c r="O19" s="1" t="s">
        <v>36</v>
      </c>
      <c r="P19" s="1" t="s">
        <v>439</v>
      </c>
      <c r="Q19" s="1" t="s">
        <v>145</v>
      </c>
      <c r="R19" s="1" t="s">
        <v>226</v>
      </c>
      <c r="S19" s="1" t="s">
        <v>288</v>
      </c>
      <c r="T19" s="1" t="s">
        <v>41</v>
      </c>
      <c r="U19" s="1">
        <v>7.1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5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37</v>
      </c>
      <c r="B20" s="2">
        <v>0.4236111111111111</v>
      </c>
      <c r="C20" s="1" t="s">
        <v>855</v>
      </c>
      <c r="D20" s="1" t="s">
        <v>85</v>
      </c>
      <c r="E20" s="1" t="s">
        <v>474</v>
      </c>
      <c r="F20" s="1" t="s">
        <v>203</v>
      </c>
      <c r="G20" s="1" t="s">
        <v>657</v>
      </c>
      <c r="H20" s="1" t="s">
        <v>177</v>
      </c>
      <c r="I20" s="1" t="s">
        <v>658</v>
      </c>
      <c r="J20" s="1" t="s">
        <v>438</v>
      </c>
      <c r="K20" s="1" t="s">
        <v>132</v>
      </c>
      <c r="L20" s="1" t="s">
        <v>659</v>
      </c>
      <c r="N20" s="1" t="s">
        <v>35</v>
      </c>
      <c r="O20" s="1" t="s">
        <v>478</v>
      </c>
      <c r="P20" s="1" t="s">
        <v>439</v>
      </c>
      <c r="Q20" s="1" t="s">
        <v>145</v>
      </c>
      <c r="R20" s="1" t="s">
        <v>226</v>
      </c>
      <c r="S20" s="1" t="s">
        <v>210</v>
      </c>
      <c r="T20" s="1" t="s">
        <v>639</v>
      </c>
      <c r="U20" s="1">
        <v>8.3000000000000007</v>
      </c>
      <c r="V20" s="4">
        <v>7900</v>
      </c>
      <c r="W20" s="1"/>
      <c r="X20" s="1">
        <v>5.3</v>
      </c>
      <c r="Y20" s="1">
        <v>0.32</v>
      </c>
      <c r="Z20" s="1">
        <v>2.9000000000000001E-2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6</v>
      </c>
      <c r="BC20" s="1">
        <v>4.7</v>
      </c>
      <c r="BD20" s="1">
        <v>4.7</v>
      </c>
      <c r="BE20" s="1"/>
      <c r="BF20" s="1"/>
      <c r="BG20" s="1"/>
      <c r="BH20" s="1"/>
      <c r="BI20" s="1"/>
      <c r="BJ20" s="1"/>
      <c r="BK20" s="1"/>
      <c r="BL20" s="1"/>
      <c r="BM20" s="1">
        <v>0.08</v>
      </c>
      <c r="BN20" s="1">
        <v>0.28999999999999998</v>
      </c>
      <c r="BO20" s="1">
        <v>32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8888888888888884</v>
      </c>
      <c r="C21" s="1" t="s">
        <v>855</v>
      </c>
      <c r="D21" s="1" t="s">
        <v>85</v>
      </c>
      <c r="E21" s="1" t="s">
        <v>474</v>
      </c>
      <c r="F21" s="1" t="s">
        <v>188</v>
      </c>
      <c r="G21" s="1" t="s">
        <v>203</v>
      </c>
      <c r="H21" s="1" t="s">
        <v>223</v>
      </c>
      <c r="I21" s="1" t="s">
        <v>557</v>
      </c>
      <c r="J21" s="1" t="s">
        <v>438</v>
      </c>
      <c r="K21" s="1" t="s">
        <v>73</v>
      </c>
      <c r="L21" s="1" t="s">
        <v>34</v>
      </c>
      <c r="N21" s="1" t="s">
        <v>35</v>
      </c>
      <c r="O21" s="1" t="s">
        <v>36</v>
      </c>
      <c r="P21" s="1" t="s">
        <v>439</v>
      </c>
      <c r="Q21" s="1" t="s">
        <v>191</v>
      </c>
      <c r="R21" s="1" t="s">
        <v>529</v>
      </c>
      <c r="S21" s="1" t="s">
        <v>179</v>
      </c>
      <c r="T21" s="1" t="s">
        <v>286</v>
      </c>
      <c r="U21" s="1">
        <v>7.3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9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44</v>
      </c>
      <c r="B22" s="2">
        <v>0.44444444444444442</v>
      </c>
      <c r="C22" s="1" t="s">
        <v>855</v>
      </c>
      <c r="D22" s="1" t="s">
        <v>27</v>
      </c>
      <c r="E22" s="1" t="s">
        <v>28</v>
      </c>
      <c r="F22" s="1" t="s">
        <v>128</v>
      </c>
      <c r="G22" s="1" t="s">
        <v>117</v>
      </c>
      <c r="H22" s="1" t="s">
        <v>169</v>
      </c>
      <c r="I22" s="1" t="s">
        <v>660</v>
      </c>
      <c r="J22" s="1" t="s">
        <v>438</v>
      </c>
      <c r="K22" s="1" t="s">
        <v>132</v>
      </c>
      <c r="L22" s="1" t="s">
        <v>34</v>
      </c>
      <c r="N22" s="1" t="s">
        <v>35</v>
      </c>
      <c r="O22" s="1" t="s">
        <v>36</v>
      </c>
      <c r="P22" s="1" t="s">
        <v>439</v>
      </c>
      <c r="Q22" s="1" t="s">
        <v>171</v>
      </c>
      <c r="R22" s="1" t="s">
        <v>49</v>
      </c>
      <c r="S22" s="1" t="s">
        <v>38</v>
      </c>
      <c r="T22" s="1" t="s">
        <v>60</v>
      </c>
      <c r="U22" s="1">
        <v>9</v>
      </c>
      <c r="V22" s="4">
        <v>4900</v>
      </c>
      <c r="W22" s="1" t="s">
        <v>887</v>
      </c>
      <c r="X22" s="1">
        <v>8</v>
      </c>
      <c r="Y22" s="1">
        <v>0.56000000000000005</v>
      </c>
      <c r="Z22" s="1">
        <v>3.1E-2</v>
      </c>
      <c r="AA22" s="1"/>
      <c r="AB22" s="1"/>
      <c r="AC22" s="1" t="s">
        <v>881</v>
      </c>
      <c r="AD22" s="1" t="s">
        <v>882</v>
      </c>
      <c r="AE22" s="1">
        <v>1.4E-3</v>
      </c>
      <c r="AF22" s="1" t="s">
        <v>884</v>
      </c>
      <c r="AG22" s="1" t="s">
        <v>885</v>
      </c>
      <c r="AH22" s="1" t="s">
        <v>883</v>
      </c>
      <c r="AI22" s="1"/>
      <c r="AJ22" s="1"/>
      <c r="AK22" s="1" t="s">
        <v>886</v>
      </c>
      <c r="AL22" s="1" t="s">
        <v>886</v>
      </c>
      <c r="AM22" s="1" t="s">
        <v>886</v>
      </c>
      <c r="AN22" s="1" t="s">
        <v>886</v>
      </c>
      <c r="AO22" s="1" t="s">
        <v>886</v>
      </c>
      <c r="AP22" t="s">
        <v>886</v>
      </c>
      <c r="AQ22" s="1" t="s">
        <v>886</v>
      </c>
      <c r="AR22" s="1" t="s">
        <v>886</v>
      </c>
      <c r="AS22" s="1" t="s">
        <v>886</v>
      </c>
      <c r="AT22" s="1" t="s">
        <v>888</v>
      </c>
      <c r="AU22" s="1" t="s">
        <v>883</v>
      </c>
      <c r="AV22" s="1" t="s">
        <v>881</v>
      </c>
      <c r="AW22" s="1" t="s">
        <v>881</v>
      </c>
      <c r="AX22" s="1" t="s">
        <v>886</v>
      </c>
      <c r="AY22" s="1" t="s">
        <v>894</v>
      </c>
      <c r="AZ22" s="1" t="s">
        <v>893</v>
      </c>
      <c r="BA22" s="1">
        <v>0.06</v>
      </c>
      <c r="BB22" s="1">
        <v>0.06</v>
      </c>
      <c r="BC22" s="1">
        <v>7.5</v>
      </c>
      <c r="BD22" s="1">
        <v>7.5</v>
      </c>
      <c r="BE22" s="1" t="s">
        <v>885</v>
      </c>
      <c r="BF22" s="1" t="s">
        <v>885</v>
      </c>
      <c r="BG22" s="1">
        <v>5.4000000000000003E-3</v>
      </c>
      <c r="BH22" s="1">
        <v>0.04</v>
      </c>
      <c r="BI22" s="1">
        <v>0.01</v>
      </c>
      <c r="BJ22" s="1"/>
      <c r="BK22" s="1"/>
      <c r="BL22" s="1" t="s">
        <v>889</v>
      </c>
      <c r="BM22" s="1">
        <v>0.11</v>
      </c>
      <c r="BN22" s="1">
        <v>0.53</v>
      </c>
      <c r="BO22" s="1">
        <v>44</v>
      </c>
      <c r="BP22" s="1">
        <v>42</v>
      </c>
      <c r="BQ22" s="1"/>
      <c r="BR22" s="1" t="s">
        <v>901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0972222222222221</v>
      </c>
      <c r="C23" s="1" t="s">
        <v>855</v>
      </c>
      <c r="D23" s="1" t="s">
        <v>27</v>
      </c>
      <c r="E23" s="1" t="s">
        <v>28</v>
      </c>
      <c r="F23" s="1" t="s">
        <v>146</v>
      </c>
      <c r="G23" s="1" t="s">
        <v>166</v>
      </c>
      <c r="H23" s="1" t="s">
        <v>189</v>
      </c>
      <c r="I23" s="1" t="s">
        <v>661</v>
      </c>
      <c r="J23" s="1" t="s">
        <v>438</v>
      </c>
      <c r="K23" s="1" t="s">
        <v>88</v>
      </c>
      <c r="L23" s="1" t="s">
        <v>34</v>
      </c>
      <c r="N23" s="1" t="s">
        <v>35</v>
      </c>
      <c r="O23" s="1" t="s">
        <v>36</v>
      </c>
      <c r="P23" s="1" t="s">
        <v>439</v>
      </c>
      <c r="Q23" s="1" t="s">
        <v>145</v>
      </c>
      <c r="R23" s="1" t="s">
        <v>303</v>
      </c>
      <c r="S23" s="1" t="s">
        <v>81</v>
      </c>
      <c r="T23" s="1" t="s">
        <v>41</v>
      </c>
      <c r="U23" s="1">
        <v>7.5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6</v>
      </c>
      <c r="BP23" s="1">
        <v>45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95</v>
      </c>
      <c r="B24" s="2">
        <v>0.43055555555555558</v>
      </c>
      <c r="C24" s="1" t="s">
        <v>855</v>
      </c>
      <c r="D24" s="1" t="s">
        <v>85</v>
      </c>
      <c r="E24" s="1" t="s">
        <v>857</v>
      </c>
      <c r="F24" s="1" t="s">
        <v>323</v>
      </c>
      <c r="G24" s="1" t="s">
        <v>307</v>
      </c>
      <c r="H24" s="1" t="s">
        <v>225</v>
      </c>
      <c r="I24" s="1" t="s">
        <v>654</v>
      </c>
      <c r="J24" s="1" t="s">
        <v>438</v>
      </c>
      <c r="K24" s="1" t="s">
        <v>309</v>
      </c>
      <c r="L24" s="1" t="s">
        <v>34</v>
      </c>
      <c r="N24" s="1" t="s">
        <v>35</v>
      </c>
      <c r="O24" s="1" t="s">
        <v>36</v>
      </c>
      <c r="P24" s="1" t="s">
        <v>439</v>
      </c>
      <c r="Q24" s="1" t="s">
        <v>186</v>
      </c>
      <c r="R24" s="1" t="s">
        <v>82</v>
      </c>
      <c r="S24" s="1" t="s">
        <v>210</v>
      </c>
      <c r="T24" s="1" t="s">
        <v>41</v>
      </c>
      <c r="U24" s="1">
        <v>9.5</v>
      </c>
      <c r="V24" s="4">
        <v>4900</v>
      </c>
      <c r="W24" s="1"/>
      <c r="X24" s="1">
        <v>7.7</v>
      </c>
      <c r="Y24" s="1">
        <v>0.78</v>
      </c>
      <c r="Z24" s="1">
        <v>0.03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09</v>
      </c>
      <c r="BC24" s="1">
        <v>6.7</v>
      </c>
      <c r="BD24" s="1">
        <v>6.7</v>
      </c>
      <c r="BE24" s="1"/>
      <c r="BF24" s="1"/>
      <c r="BG24" s="1"/>
      <c r="BH24" s="1"/>
      <c r="BI24" s="1"/>
      <c r="BJ24" s="1"/>
      <c r="BK24" s="1"/>
      <c r="BL24" s="1"/>
      <c r="BM24" s="1">
        <v>0.1</v>
      </c>
      <c r="BN24" s="1">
        <v>0.64</v>
      </c>
      <c r="BO24" s="1">
        <v>43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9583333333333337</v>
      </c>
      <c r="C25" s="1" t="s">
        <v>855</v>
      </c>
      <c r="D25" s="1" t="s">
        <v>85</v>
      </c>
      <c r="E25" s="1" t="s">
        <v>857</v>
      </c>
      <c r="F25" s="1" t="s">
        <v>452</v>
      </c>
      <c r="G25" s="1" t="s">
        <v>662</v>
      </c>
      <c r="H25" s="1" t="s">
        <v>234</v>
      </c>
      <c r="I25" s="1" t="s">
        <v>663</v>
      </c>
      <c r="J25" s="1" t="s">
        <v>438</v>
      </c>
      <c r="K25" s="1" t="s">
        <v>276</v>
      </c>
      <c r="L25" s="1" t="s">
        <v>34</v>
      </c>
      <c r="N25" s="1" t="s">
        <v>35</v>
      </c>
      <c r="O25" s="1" t="s">
        <v>36</v>
      </c>
      <c r="P25" s="1" t="s">
        <v>439</v>
      </c>
      <c r="Q25" s="1" t="s">
        <v>296</v>
      </c>
      <c r="R25" s="1" t="s">
        <v>173</v>
      </c>
      <c r="S25" s="1" t="s">
        <v>161</v>
      </c>
      <c r="T25" s="1" t="s">
        <v>68</v>
      </c>
      <c r="U25" s="1">
        <v>8.4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46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8</v>
      </c>
      <c r="B26" s="2">
        <v>0.4236111111111111</v>
      </c>
      <c r="C26" s="1" t="s">
        <v>855</v>
      </c>
      <c r="D26" s="1" t="s">
        <v>85</v>
      </c>
      <c r="E26" s="1" t="s">
        <v>857</v>
      </c>
      <c r="F26" s="1" t="s">
        <v>270</v>
      </c>
      <c r="G26" s="1" t="s">
        <v>125</v>
      </c>
      <c r="H26" s="1" t="s">
        <v>355</v>
      </c>
      <c r="I26" s="1" t="s">
        <v>664</v>
      </c>
      <c r="J26" s="1" t="s">
        <v>438</v>
      </c>
      <c r="K26" s="1" t="s">
        <v>132</v>
      </c>
      <c r="L26" s="1" t="s">
        <v>34</v>
      </c>
      <c r="N26" s="1" t="s">
        <v>35</v>
      </c>
      <c r="O26" s="1" t="s">
        <v>36</v>
      </c>
      <c r="P26" s="1" t="s">
        <v>439</v>
      </c>
      <c r="Q26" s="1" t="s">
        <v>171</v>
      </c>
      <c r="R26" s="1" t="s">
        <v>303</v>
      </c>
      <c r="S26" s="1" t="s">
        <v>296</v>
      </c>
      <c r="T26" s="1" t="s">
        <v>41</v>
      </c>
      <c r="U26" s="1">
        <v>9.6999999999999993</v>
      </c>
      <c r="V26" s="4">
        <v>7900</v>
      </c>
      <c r="W26" s="1"/>
      <c r="X26" s="1">
        <v>6.2</v>
      </c>
      <c r="Y26" s="1">
        <v>0.79</v>
      </c>
      <c r="Z26" s="1">
        <v>2.9000000000000001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6</v>
      </c>
      <c r="BC26" s="1">
        <v>5.3</v>
      </c>
      <c r="BD26" s="1">
        <v>5.3</v>
      </c>
      <c r="BE26" s="1"/>
      <c r="BF26" s="1"/>
      <c r="BG26" s="1"/>
      <c r="BH26" s="1"/>
      <c r="BI26" s="1"/>
      <c r="BJ26" s="1"/>
      <c r="BK26" s="1"/>
      <c r="BL26" s="1"/>
      <c r="BM26" s="1">
        <v>0.06</v>
      </c>
      <c r="BN26" s="1">
        <v>0.73</v>
      </c>
      <c r="BO26" s="1">
        <v>4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9583333333333337</v>
      </c>
      <c r="C27" s="1" t="s">
        <v>855</v>
      </c>
      <c r="D27" s="1" t="s">
        <v>665</v>
      </c>
      <c r="E27" s="1" t="s">
        <v>857</v>
      </c>
      <c r="F27" s="1" t="s">
        <v>130</v>
      </c>
      <c r="G27" s="1" t="s">
        <v>432</v>
      </c>
      <c r="H27" s="1" t="s">
        <v>237</v>
      </c>
      <c r="I27" s="1" t="s">
        <v>666</v>
      </c>
      <c r="J27" s="1" t="s">
        <v>438</v>
      </c>
      <c r="K27" s="1" t="s">
        <v>65</v>
      </c>
      <c r="L27" s="1" t="s">
        <v>34</v>
      </c>
      <c r="N27" s="1" t="s">
        <v>35</v>
      </c>
      <c r="O27" s="1" t="s">
        <v>36</v>
      </c>
      <c r="P27" s="1" t="s">
        <v>439</v>
      </c>
      <c r="Q27" s="1" t="s">
        <v>191</v>
      </c>
      <c r="R27" s="1" t="s">
        <v>163</v>
      </c>
      <c r="S27" s="1" t="s">
        <v>186</v>
      </c>
      <c r="T27" s="1" t="s">
        <v>68</v>
      </c>
      <c r="U27" s="1">
        <v>8.1999999999999993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42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3" spans="21:21" x14ac:dyDescent="0.15">
      <c r="U743" s="1"/>
    </row>
    <row r="744" spans="21:21" x14ac:dyDescent="0.15">
      <c r="U744" s="1"/>
    </row>
    <row r="745" spans="21:21" x14ac:dyDescent="0.15">
      <c r="U745" s="1"/>
    </row>
    <row r="746" spans="21:21" x14ac:dyDescent="0.15">
      <c r="U746" s="1"/>
    </row>
    <row r="747" spans="21:21" x14ac:dyDescent="0.15">
      <c r="U747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2" spans="21:21" x14ac:dyDescent="0.15">
      <c r="U772" s="1"/>
    </row>
    <row r="773" spans="21:21" x14ac:dyDescent="0.15">
      <c r="U773" s="1"/>
    </row>
    <row r="774" spans="21:21" x14ac:dyDescent="0.15">
      <c r="U774" s="1"/>
    </row>
    <row r="775" spans="21:21" x14ac:dyDescent="0.15">
      <c r="U775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5" spans="21:21" x14ac:dyDescent="0.15">
      <c r="U825" s="1"/>
    </row>
    <row r="826" spans="21:21" x14ac:dyDescent="0.15">
      <c r="U826" s="1"/>
    </row>
    <row r="827" spans="21:21" x14ac:dyDescent="0.15">
      <c r="U827" s="1"/>
    </row>
    <row r="828" spans="21:21" x14ac:dyDescent="0.15">
      <c r="U828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78" spans="21:21" x14ac:dyDescent="0.15">
      <c r="U878" s="1"/>
    </row>
    <row r="879" spans="21:21" x14ac:dyDescent="0.15">
      <c r="U879" s="1"/>
    </row>
    <row r="880" spans="21:21" x14ac:dyDescent="0.15">
      <c r="U880" s="1"/>
    </row>
    <row r="881" spans="21:21" x14ac:dyDescent="0.15">
      <c r="U881" s="1"/>
    </row>
    <row r="882" spans="21:21" x14ac:dyDescent="0.15">
      <c r="U882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07" spans="21:21" x14ac:dyDescent="0.15">
      <c r="U907" s="1"/>
    </row>
    <row r="908" spans="21:21" x14ac:dyDescent="0.15">
      <c r="U908" s="1"/>
    </row>
    <row r="909" spans="21:21" x14ac:dyDescent="0.15">
      <c r="U909" s="1"/>
    </row>
    <row r="910" spans="21:21" x14ac:dyDescent="0.15">
      <c r="U910" s="1"/>
    </row>
    <row r="911" spans="21:21" x14ac:dyDescent="0.15">
      <c r="U911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36" spans="21:21" x14ac:dyDescent="0.15">
      <c r="U936" s="1"/>
    </row>
    <row r="937" spans="21:21" x14ac:dyDescent="0.15">
      <c r="U937" s="1"/>
    </row>
    <row r="938" spans="21:21" x14ac:dyDescent="0.15">
      <c r="U938" s="1"/>
    </row>
    <row r="939" spans="21:21" x14ac:dyDescent="0.15">
      <c r="U939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89" spans="21:21" x14ac:dyDescent="0.15">
      <c r="U989" s="1"/>
    </row>
    <row r="990" spans="21:21" x14ac:dyDescent="0.15">
      <c r="U990" s="1"/>
    </row>
    <row r="991" spans="21:21" x14ac:dyDescent="0.15">
      <c r="U991" s="1"/>
    </row>
    <row r="992" spans="21:21" x14ac:dyDescent="0.15">
      <c r="U992" s="1"/>
    </row>
    <row r="993" spans="21:21" x14ac:dyDescent="0.15">
      <c r="U993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18" spans="21:21" x14ac:dyDescent="0.15">
      <c r="U1018" s="1"/>
    </row>
    <row r="1019" spans="21:21" x14ac:dyDescent="0.15">
      <c r="U1019" s="1"/>
    </row>
    <row r="1020" spans="21:21" x14ac:dyDescent="0.15">
      <c r="U1020" s="1"/>
    </row>
    <row r="1021" spans="21:21" x14ac:dyDescent="0.15">
      <c r="U1021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1" spans="21:21" x14ac:dyDescent="0.15">
      <c r="U1071" s="1"/>
    </row>
    <row r="1072" spans="21:21" x14ac:dyDescent="0.15">
      <c r="U1072" s="1"/>
    </row>
    <row r="1073" spans="21:21" x14ac:dyDescent="0.15">
      <c r="U1073" s="1"/>
    </row>
    <row r="1074" spans="21:21" x14ac:dyDescent="0.15">
      <c r="U1074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4" spans="21:21" x14ac:dyDescent="0.15">
      <c r="U1124" s="1"/>
    </row>
    <row r="1125" spans="21:21" x14ac:dyDescent="0.15">
      <c r="U1125" s="1"/>
    </row>
    <row r="1126" spans="21:21" x14ac:dyDescent="0.15">
      <c r="U1126" s="1"/>
    </row>
    <row r="1127" spans="21:21" x14ac:dyDescent="0.15">
      <c r="U1127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77" spans="21:21" x14ac:dyDescent="0.15">
      <c r="U1177" s="1"/>
    </row>
    <row r="1178" spans="21:21" x14ac:dyDescent="0.15">
      <c r="U1178" s="1"/>
    </row>
    <row r="1179" spans="21:21" x14ac:dyDescent="0.15">
      <c r="U1179" s="1"/>
    </row>
    <row r="1180" spans="21:21" x14ac:dyDescent="0.15">
      <c r="U1180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</sheetData>
  <phoneticPr fontId="18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22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867</v>
      </c>
      <c r="C1" s="1" t="s">
        <v>1</v>
      </c>
      <c r="D1" s="1" t="s">
        <v>870</v>
      </c>
      <c r="E1" s="1" t="s">
        <v>2</v>
      </c>
      <c r="F1" s="1" t="s">
        <v>866</v>
      </c>
      <c r="G1" s="1" t="s">
        <v>3</v>
      </c>
      <c r="H1" s="1" t="s">
        <v>86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848</v>
      </c>
      <c r="V2" s="1" t="s">
        <v>798</v>
      </c>
      <c r="W2" s="1" t="s">
        <v>878</v>
      </c>
      <c r="X2" s="1" t="s">
        <v>799</v>
      </c>
      <c r="Y2" s="1" t="s">
        <v>800</v>
      </c>
      <c r="Z2" s="1" t="s">
        <v>801</v>
      </c>
      <c r="AA2" s="1" t="s">
        <v>913</v>
      </c>
      <c r="AB2" s="1" t="s">
        <v>924</v>
      </c>
      <c r="AC2" s="1" t="s">
        <v>802</v>
      </c>
      <c r="AD2" s="1" t="s">
        <v>803</v>
      </c>
      <c r="AE2" s="1" t="s">
        <v>879</v>
      </c>
      <c r="AF2" s="1" t="s">
        <v>804</v>
      </c>
      <c r="AG2" s="1" t="s">
        <v>805</v>
      </c>
      <c r="AH2" s="1" t="s">
        <v>806</v>
      </c>
      <c r="AI2" s="1" t="s">
        <v>807</v>
      </c>
      <c r="AJ2" s="1" t="s">
        <v>808</v>
      </c>
      <c r="AK2" s="1" t="s">
        <v>809</v>
      </c>
      <c r="AL2" s="1" t="s">
        <v>810</v>
      </c>
      <c r="AM2" s="1" t="s">
        <v>811</v>
      </c>
      <c r="AN2" s="1" t="s">
        <v>812</v>
      </c>
      <c r="AO2" s="1" t="s">
        <v>813</v>
      </c>
      <c r="AP2" t="s">
        <v>904</v>
      </c>
      <c r="AQ2" s="1" t="s">
        <v>814</v>
      </c>
      <c r="AR2" s="1" t="s">
        <v>815</v>
      </c>
      <c r="AS2" s="1" t="s">
        <v>816</v>
      </c>
      <c r="AT2" s="1" t="s">
        <v>890</v>
      </c>
      <c r="AU2" s="1" t="s">
        <v>817</v>
      </c>
      <c r="AV2" s="1" t="s">
        <v>818</v>
      </c>
      <c r="AW2" s="1" t="s">
        <v>819</v>
      </c>
      <c r="AX2" s="1" t="s">
        <v>820</v>
      </c>
      <c r="AY2" s="1" t="s">
        <v>821</v>
      </c>
      <c r="AZ2" s="1" t="s">
        <v>822</v>
      </c>
      <c r="BA2" s="1" t="s">
        <v>823</v>
      </c>
      <c r="BB2" s="1" t="s">
        <v>824</v>
      </c>
      <c r="BC2" s="1" t="s">
        <v>825</v>
      </c>
      <c r="BD2" s="1" t="s">
        <v>826</v>
      </c>
      <c r="BE2" s="1" t="s">
        <v>909</v>
      </c>
      <c r="BF2" s="1" t="s">
        <v>827</v>
      </c>
      <c r="BG2" s="1" t="s">
        <v>891</v>
      </c>
      <c r="BH2" s="1" t="s">
        <v>892</v>
      </c>
      <c r="BI2" s="1" t="s">
        <v>828</v>
      </c>
      <c r="BJ2" s="1" t="s">
        <v>829</v>
      </c>
      <c r="BK2" s="1" t="s">
        <v>830</v>
      </c>
      <c r="BL2" s="1" t="s">
        <v>831</v>
      </c>
      <c r="BM2" s="1" t="s">
        <v>832</v>
      </c>
      <c r="BN2" s="1" t="s">
        <v>833</v>
      </c>
      <c r="BO2" s="1" t="s">
        <v>834</v>
      </c>
      <c r="BP2" s="1" t="s">
        <v>835</v>
      </c>
      <c r="BQ2" s="1" t="s">
        <v>836</v>
      </c>
      <c r="BR2" s="1" t="s">
        <v>837</v>
      </c>
      <c r="BS2" s="1" t="s">
        <v>838</v>
      </c>
      <c r="BT2" s="1" t="s">
        <v>839</v>
      </c>
      <c r="BU2" s="1" t="s">
        <v>840</v>
      </c>
      <c r="BV2" s="1" t="s">
        <v>841</v>
      </c>
      <c r="BW2" s="1" t="s">
        <v>842</v>
      </c>
      <c r="BX2" s="1" t="s">
        <v>843</v>
      </c>
      <c r="BY2" s="1" t="s">
        <v>844</v>
      </c>
      <c r="BZ2" s="1" t="s">
        <v>897</v>
      </c>
    </row>
    <row r="3" spans="1:78" x14ac:dyDescent="0.15">
      <c r="A3" s="1" t="s">
        <v>849</v>
      </c>
      <c r="B3" s="1" t="s">
        <v>850</v>
      </c>
      <c r="C3" s="1"/>
      <c r="D3" s="1"/>
      <c r="E3" s="1"/>
      <c r="F3" s="1" t="s">
        <v>851</v>
      </c>
      <c r="G3" s="1" t="s">
        <v>851</v>
      </c>
      <c r="H3" s="1" t="s">
        <v>852</v>
      </c>
      <c r="I3" s="1" t="s">
        <v>24</v>
      </c>
      <c r="J3" s="1" t="s">
        <v>853</v>
      </c>
      <c r="K3" s="1" t="s">
        <v>853</v>
      </c>
      <c r="L3" s="1" t="s">
        <v>854</v>
      </c>
      <c r="M3" s="1" t="s">
        <v>85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88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898</v>
      </c>
      <c r="BP3" s="1" t="s">
        <v>25</v>
      </c>
      <c r="BQ3" s="1" t="s">
        <v>899</v>
      </c>
      <c r="BR3" s="1" t="s">
        <v>25</v>
      </c>
      <c r="BS3" s="1" t="s">
        <v>25</v>
      </c>
      <c r="BT3" s="1" t="s">
        <v>905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861111111111111</v>
      </c>
      <c r="C4" s="1" t="s">
        <v>855</v>
      </c>
      <c r="D4" s="1" t="s">
        <v>85</v>
      </c>
      <c r="E4" s="1" t="s">
        <v>28</v>
      </c>
      <c r="F4" s="1" t="s">
        <v>43</v>
      </c>
      <c r="G4" s="1" t="s">
        <v>249</v>
      </c>
      <c r="H4" s="1" t="s">
        <v>31</v>
      </c>
      <c r="I4" s="1" t="s">
        <v>247</v>
      </c>
      <c r="J4" s="1" t="s">
        <v>94</v>
      </c>
      <c r="K4" s="1" t="s">
        <v>667</v>
      </c>
      <c r="L4" s="1" t="s">
        <v>34</v>
      </c>
      <c r="N4" s="1" t="s">
        <v>35</v>
      </c>
      <c r="O4" s="1" t="s">
        <v>278</v>
      </c>
      <c r="P4" s="1" t="s">
        <v>37</v>
      </c>
      <c r="Q4" s="1" t="s">
        <v>179</v>
      </c>
      <c r="R4" s="1" t="s">
        <v>49</v>
      </c>
      <c r="S4" s="1" t="s">
        <v>191</v>
      </c>
      <c r="T4" s="1" t="s">
        <v>286</v>
      </c>
      <c r="U4" s="1">
        <v>8.6</v>
      </c>
      <c r="V4" s="4">
        <v>49000</v>
      </c>
      <c r="W4" s="1"/>
      <c r="X4" s="1">
        <v>6.7</v>
      </c>
      <c r="Y4" s="1">
        <v>0.69</v>
      </c>
      <c r="Z4" s="1">
        <v>2.9000000000000001E-2</v>
      </c>
      <c r="AA4" s="1" t="s">
        <v>926</v>
      </c>
      <c r="AB4" s="1" t="s">
        <v>943</v>
      </c>
      <c r="AC4" s="1" t="s">
        <v>881</v>
      </c>
      <c r="AD4" s="1" t="s">
        <v>882</v>
      </c>
      <c r="AE4" s="1" t="s">
        <v>883</v>
      </c>
      <c r="AF4" s="1" t="s">
        <v>884</v>
      </c>
      <c r="AG4" s="1" t="s">
        <v>883</v>
      </c>
      <c r="AH4" s="1" t="s">
        <v>883</v>
      </c>
      <c r="AI4" s="1"/>
      <c r="AJ4" s="1"/>
      <c r="AK4" s="1"/>
      <c r="AL4" s="1" t="s">
        <v>888</v>
      </c>
      <c r="AM4" s="1"/>
      <c r="AN4" s="1"/>
      <c r="AO4" s="1"/>
      <c r="AP4" t="s">
        <v>888</v>
      </c>
      <c r="AQ4" s="1"/>
      <c r="AR4" s="1" t="s">
        <v>888</v>
      </c>
      <c r="AS4" s="1" t="s">
        <v>888</v>
      </c>
      <c r="AT4" s="1"/>
      <c r="AU4" s="1"/>
      <c r="AV4" s="1"/>
      <c r="AW4" s="1"/>
      <c r="AX4" s="1"/>
      <c r="AY4" s="1"/>
      <c r="AZ4" s="1" t="s">
        <v>893</v>
      </c>
      <c r="BA4" s="1">
        <v>7.0999999999999994E-2</v>
      </c>
      <c r="BB4" s="1">
        <v>0.05</v>
      </c>
      <c r="BC4" s="1">
        <v>5.9</v>
      </c>
      <c r="BD4" s="1">
        <v>5.9</v>
      </c>
      <c r="BE4" s="1"/>
      <c r="BF4" s="1" t="s">
        <v>885</v>
      </c>
      <c r="BG4" s="1">
        <v>4.4999999999999997E-3</v>
      </c>
      <c r="BH4" s="1">
        <v>0.02</v>
      </c>
      <c r="BI4" s="1" t="s">
        <v>882</v>
      </c>
      <c r="BJ4" s="1"/>
      <c r="BK4" s="1"/>
      <c r="BL4" s="1"/>
      <c r="BM4" s="1">
        <v>0.15</v>
      </c>
      <c r="BN4" s="1">
        <v>0.64</v>
      </c>
      <c r="BO4" s="1">
        <v>40</v>
      </c>
      <c r="BP4" s="1">
        <v>45</v>
      </c>
      <c r="BQ4" s="1"/>
      <c r="BR4" s="1" t="s">
        <v>90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2916666666666663</v>
      </c>
      <c r="C5" s="1" t="s">
        <v>855</v>
      </c>
      <c r="D5" s="1" t="s">
        <v>85</v>
      </c>
      <c r="E5" s="1" t="s">
        <v>28</v>
      </c>
      <c r="F5" s="1" t="s">
        <v>43</v>
      </c>
      <c r="G5" s="1" t="s">
        <v>203</v>
      </c>
      <c r="H5" s="1" t="s">
        <v>254</v>
      </c>
      <c r="I5" s="1" t="s">
        <v>668</v>
      </c>
      <c r="J5" s="1" t="s">
        <v>207</v>
      </c>
      <c r="K5" s="1" t="s">
        <v>169</v>
      </c>
      <c r="L5" s="1" t="s">
        <v>34</v>
      </c>
      <c r="N5" s="1" t="s">
        <v>35</v>
      </c>
      <c r="O5" s="1" t="s">
        <v>278</v>
      </c>
      <c r="P5" s="1" t="s">
        <v>37</v>
      </c>
      <c r="Q5" s="1" t="s">
        <v>210</v>
      </c>
      <c r="R5" s="1" t="s">
        <v>303</v>
      </c>
      <c r="S5" s="1" t="s">
        <v>145</v>
      </c>
      <c r="T5" s="1" t="s">
        <v>639</v>
      </c>
      <c r="U5" s="1">
        <v>8.6</v>
      </c>
      <c r="V5" s="1"/>
      <c r="W5" s="1"/>
      <c r="X5" s="1"/>
      <c r="Y5" s="1"/>
      <c r="Z5" s="1"/>
      <c r="AA5" s="1" t="s">
        <v>928</v>
      </c>
      <c r="AB5" s="1" t="s">
        <v>928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2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8611111111111116</v>
      </c>
      <c r="C6" s="1" t="s">
        <v>855</v>
      </c>
      <c r="D6" s="1" t="s">
        <v>85</v>
      </c>
      <c r="E6" s="1" t="s">
        <v>28</v>
      </c>
      <c r="F6" s="1" t="s">
        <v>203</v>
      </c>
      <c r="G6" s="1" t="s">
        <v>203</v>
      </c>
      <c r="H6" s="1" t="s">
        <v>126</v>
      </c>
      <c r="I6" s="1" t="s">
        <v>538</v>
      </c>
      <c r="J6" s="1" t="s">
        <v>55</v>
      </c>
      <c r="K6" s="1" t="s">
        <v>56</v>
      </c>
      <c r="L6" s="1" t="s">
        <v>34</v>
      </c>
      <c r="N6" s="1" t="s">
        <v>35</v>
      </c>
      <c r="O6" s="1" t="s">
        <v>278</v>
      </c>
      <c r="P6" s="1" t="s">
        <v>37</v>
      </c>
      <c r="Q6" s="1" t="s">
        <v>186</v>
      </c>
      <c r="R6" s="1" t="s">
        <v>303</v>
      </c>
      <c r="S6" s="1" t="s">
        <v>394</v>
      </c>
      <c r="T6" s="1" t="s">
        <v>174</v>
      </c>
      <c r="U6" s="1">
        <v>6.7</v>
      </c>
      <c r="V6" s="1"/>
      <c r="W6" s="1"/>
      <c r="X6" s="1">
        <v>5.9</v>
      </c>
      <c r="Y6" s="1">
        <v>0.61</v>
      </c>
      <c r="Z6" s="1"/>
      <c r="AA6" s="1" t="s">
        <v>928</v>
      </c>
      <c r="AB6" s="1" t="s">
        <v>928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44</v>
      </c>
      <c r="BP6" s="1">
        <v>46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87</v>
      </c>
      <c r="B7" s="2">
        <v>0.22916666666666666</v>
      </c>
      <c r="C7" s="1" t="s">
        <v>855</v>
      </c>
      <c r="D7" s="1" t="s">
        <v>27</v>
      </c>
      <c r="E7" s="1" t="s">
        <v>28</v>
      </c>
      <c r="F7" s="1" t="s">
        <v>176</v>
      </c>
      <c r="G7" s="1" t="s">
        <v>167</v>
      </c>
      <c r="H7" s="1" t="s">
        <v>302</v>
      </c>
      <c r="I7" s="1" t="s">
        <v>385</v>
      </c>
      <c r="J7" s="1" t="s">
        <v>207</v>
      </c>
      <c r="K7" s="1" t="s">
        <v>225</v>
      </c>
      <c r="L7" s="1" t="s">
        <v>34</v>
      </c>
      <c r="N7" s="1" t="s">
        <v>35</v>
      </c>
      <c r="O7" s="1" t="s">
        <v>278</v>
      </c>
      <c r="P7" s="1" t="s">
        <v>37</v>
      </c>
      <c r="Q7" s="1" t="s">
        <v>145</v>
      </c>
      <c r="R7" s="1" t="s">
        <v>328</v>
      </c>
      <c r="S7" s="1" t="s">
        <v>210</v>
      </c>
      <c r="T7" s="1" t="s">
        <v>68</v>
      </c>
      <c r="U7" s="1">
        <v>6.4</v>
      </c>
      <c r="V7" s="1"/>
      <c r="W7" s="1"/>
      <c r="X7" s="1"/>
      <c r="Y7" s="1"/>
      <c r="Z7" s="1"/>
      <c r="AA7" s="1" t="s">
        <v>928</v>
      </c>
      <c r="AB7" s="1" t="s">
        <v>928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43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193</v>
      </c>
      <c r="B8" s="2">
        <v>0.47222222222222227</v>
      </c>
      <c r="C8" s="1" t="s">
        <v>855</v>
      </c>
      <c r="D8" s="1" t="s">
        <v>27</v>
      </c>
      <c r="E8" s="1" t="s">
        <v>28</v>
      </c>
      <c r="F8" s="1" t="s">
        <v>70</v>
      </c>
      <c r="G8" s="1" t="s">
        <v>246</v>
      </c>
      <c r="H8" s="1" t="s">
        <v>225</v>
      </c>
      <c r="I8" s="1" t="s">
        <v>647</v>
      </c>
      <c r="J8" s="1" t="s">
        <v>32</v>
      </c>
      <c r="K8" s="1" t="s">
        <v>80</v>
      </c>
      <c r="L8" s="1" t="s">
        <v>34</v>
      </c>
      <c r="N8" s="1" t="s">
        <v>35</v>
      </c>
      <c r="O8" s="1" t="s">
        <v>278</v>
      </c>
      <c r="P8" s="1" t="s">
        <v>37</v>
      </c>
      <c r="Q8" s="1" t="s">
        <v>179</v>
      </c>
      <c r="R8" s="1" t="s">
        <v>180</v>
      </c>
      <c r="S8" s="1" t="s">
        <v>376</v>
      </c>
      <c r="T8" s="1" t="s">
        <v>68</v>
      </c>
      <c r="U8" s="1">
        <v>8.8000000000000007</v>
      </c>
      <c r="V8" s="4">
        <v>4900</v>
      </c>
      <c r="W8" s="1"/>
      <c r="X8" s="1">
        <v>4.3</v>
      </c>
      <c r="Y8" s="1">
        <v>0.47</v>
      </c>
      <c r="Z8" s="1">
        <v>1.7999999999999999E-2</v>
      </c>
      <c r="AA8" s="1" t="s">
        <v>928</v>
      </c>
      <c r="AB8" s="1" t="s">
        <v>928</v>
      </c>
      <c r="AC8" s="1" t="s">
        <v>881</v>
      </c>
      <c r="AD8" s="1" t="s">
        <v>882</v>
      </c>
      <c r="AE8" s="1" t="s">
        <v>883</v>
      </c>
      <c r="AF8" s="1" t="s">
        <v>884</v>
      </c>
      <c r="AG8" s="1">
        <v>5.0000000000000001E-4</v>
      </c>
      <c r="AH8" s="1" t="s">
        <v>883</v>
      </c>
      <c r="AI8" s="1"/>
      <c r="AJ8" s="1"/>
      <c r="AK8" s="1"/>
      <c r="AL8" s="1" t="s">
        <v>888</v>
      </c>
      <c r="AM8" s="1"/>
      <c r="AN8" s="1"/>
      <c r="AO8" s="1"/>
      <c r="AP8" t="s">
        <v>888</v>
      </c>
      <c r="AQ8" s="1"/>
      <c r="AR8" s="1" t="s">
        <v>888</v>
      </c>
      <c r="AS8" s="1" t="s">
        <v>888</v>
      </c>
      <c r="AT8" s="1"/>
      <c r="AU8" s="1"/>
      <c r="AV8" s="1"/>
      <c r="AW8" s="1"/>
      <c r="AX8" s="1"/>
      <c r="AY8" s="1"/>
      <c r="AZ8" s="1"/>
      <c r="BA8" s="1"/>
      <c r="BB8" s="1" t="s">
        <v>895</v>
      </c>
      <c r="BC8" s="1">
        <v>3.8</v>
      </c>
      <c r="BD8" s="1">
        <v>3.8</v>
      </c>
      <c r="BE8" s="1"/>
      <c r="BF8" s="1"/>
      <c r="BG8" s="1"/>
      <c r="BH8" s="1"/>
      <c r="BI8" s="1"/>
      <c r="BJ8" s="1"/>
      <c r="BK8" s="1"/>
      <c r="BL8" s="1"/>
      <c r="BM8" s="1">
        <v>0.06</v>
      </c>
      <c r="BN8" s="1">
        <v>0.43</v>
      </c>
      <c r="BO8" s="1">
        <v>42</v>
      </c>
      <c r="BP8" s="1">
        <v>35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3611111111111116</v>
      </c>
      <c r="C9" s="1" t="s">
        <v>855</v>
      </c>
      <c r="D9" s="1" t="s">
        <v>27</v>
      </c>
      <c r="E9" s="1" t="s">
        <v>28</v>
      </c>
      <c r="F9" s="1" t="s">
        <v>260</v>
      </c>
      <c r="G9" s="1" t="s">
        <v>70</v>
      </c>
      <c r="H9" s="1" t="s">
        <v>150</v>
      </c>
      <c r="I9" s="1" t="s">
        <v>511</v>
      </c>
      <c r="J9" s="1" t="s">
        <v>207</v>
      </c>
      <c r="K9" s="1" t="s">
        <v>169</v>
      </c>
      <c r="L9" s="1" t="s">
        <v>34</v>
      </c>
      <c r="N9" s="1" t="s">
        <v>35</v>
      </c>
      <c r="O9" s="1" t="s">
        <v>278</v>
      </c>
      <c r="P9" s="1" t="s">
        <v>37</v>
      </c>
      <c r="Q9" s="1" t="s">
        <v>81</v>
      </c>
      <c r="R9" s="1" t="s">
        <v>151</v>
      </c>
      <c r="S9" s="1" t="s">
        <v>147</v>
      </c>
      <c r="T9" s="1" t="s">
        <v>68</v>
      </c>
      <c r="U9" s="1">
        <v>8.1</v>
      </c>
      <c r="V9" s="1"/>
      <c r="W9" s="1"/>
      <c r="X9" s="1"/>
      <c r="Y9" s="1"/>
      <c r="Z9" s="1"/>
      <c r="AA9" s="1" t="s">
        <v>928</v>
      </c>
      <c r="AB9" s="1" t="s">
        <v>928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4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8611111111111116</v>
      </c>
      <c r="C10" s="1" t="s">
        <v>855</v>
      </c>
      <c r="D10" s="1" t="s">
        <v>85</v>
      </c>
      <c r="E10" s="1" t="s">
        <v>28</v>
      </c>
      <c r="F10" s="1" t="s">
        <v>202</v>
      </c>
      <c r="G10" s="1" t="s">
        <v>389</v>
      </c>
      <c r="H10" s="1" t="s">
        <v>254</v>
      </c>
      <c r="I10" s="1" t="s">
        <v>669</v>
      </c>
      <c r="J10" s="1" t="s">
        <v>73</v>
      </c>
      <c r="K10" s="1" t="s">
        <v>670</v>
      </c>
      <c r="L10" s="1" t="s">
        <v>34</v>
      </c>
      <c r="N10" s="1" t="s">
        <v>35</v>
      </c>
      <c r="O10" s="1" t="s">
        <v>278</v>
      </c>
      <c r="P10" s="1" t="s">
        <v>37</v>
      </c>
      <c r="Q10" s="1" t="s">
        <v>186</v>
      </c>
      <c r="R10" s="1" t="s">
        <v>82</v>
      </c>
      <c r="S10" s="1" t="s">
        <v>147</v>
      </c>
      <c r="T10" s="1" t="s">
        <v>68</v>
      </c>
      <c r="U10" s="1">
        <v>6.8</v>
      </c>
      <c r="V10" s="1"/>
      <c r="W10" s="1"/>
      <c r="X10" s="1">
        <v>4.7</v>
      </c>
      <c r="Y10" s="1">
        <v>0.54</v>
      </c>
      <c r="Z10" s="1"/>
      <c r="AA10" s="1" t="s">
        <v>928</v>
      </c>
      <c r="AB10" s="1" t="s">
        <v>928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39</v>
      </c>
      <c r="BP10" s="1">
        <v>31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01</v>
      </c>
      <c r="B11" s="2">
        <v>0.22916666666666666</v>
      </c>
      <c r="C11" s="1" t="s">
        <v>855</v>
      </c>
      <c r="D11" s="1" t="s">
        <v>85</v>
      </c>
      <c r="E11" s="1" t="s">
        <v>28</v>
      </c>
      <c r="F11" s="1" t="s">
        <v>106</v>
      </c>
      <c r="G11" s="1" t="s">
        <v>250</v>
      </c>
      <c r="H11" s="1" t="s">
        <v>63</v>
      </c>
      <c r="I11" s="1" t="s">
        <v>671</v>
      </c>
      <c r="J11" s="1" t="s">
        <v>65</v>
      </c>
      <c r="K11" s="1" t="s">
        <v>672</v>
      </c>
      <c r="L11" s="1" t="s">
        <v>34</v>
      </c>
      <c r="N11" s="1" t="s">
        <v>35</v>
      </c>
      <c r="O11" s="1" t="s">
        <v>278</v>
      </c>
      <c r="P11" s="1" t="s">
        <v>37</v>
      </c>
      <c r="Q11" s="1" t="s">
        <v>186</v>
      </c>
      <c r="R11" s="1" t="s">
        <v>121</v>
      </c>
      <c r="S11" s="1" t="s">
        <v>465</v>
      </c>
      <c r="T11" s="1" t="s">
        <v>41</v>
      </c>
      <c r="U11" s="1">
        <v>6.6</v>
      </c>
      <c r="V11" s="1"/>
      <c r="W11" s="1"/>
      <c r="X11" s="1"/>
      <c r="Y11" s="1"/>
      <c r="Z11" s="1"/>
      <c r="AA11" s="1" t="s">
        <v>928</v>
      </c>
      <c r="AB11" s="1" t="s">
        <v>928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1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69</v>
      </c>
      <c r="B12" s="2">
        <v>0.45833333333333331</v>
      </c>
      <c r="C12" s="1" t="s">
        <v>855</v>
      </c>
      <c r="D12" s="1" t="s">
        <v>85</v>
      </c>
      <c r="E12" s="1" t="s">
        <v>28</v>
      </c>
      <c r="F12" s="1" t="s">
        <v>222</v>
      </c>
      <c r="G12" s="1" t="s">
        <v>194</v>
      </c>
      <c r="H12" s="1" t="s">
        <v>223</v>
      </c>
      <c r="I12" s="1" t="s">
        <v>673</v>
      </c>
      <c r="J12" s="1" t="s">
        <v>32</v>
      </c>
      <c r="K12" s="1" t="s">
        <v>74</v>
      </c>
      <c r="L12" s="1" t="s">
        <v>34</v>
      </c>
      <c r="N12" s="1" t="s">
        <v>35</v>
      </c>
      <c r="O12" s="1" t="s">
        <v>278</v>
      </c>
      <c r="P12" s="1" t="s">
        <v>37</v>
      </c>
      <c r="Q12" s="1" t="s">
        <v>179</v>
      </c>
      <c r="R12" s="1" t="s">
        <v>82</v>
      </c>
      <c r="S12" s="1" t="s">
        <v>452</v>
      </c>
      <c r="T12" s="1" t="s">
        <v>129</v>
      </c>
      <c r="U12" s="1">
        <v>7.9</v>
      </c>
      <c r="V12" s="4">
        <v>7900</v>
      </c>
      <c r="W12" s="1"/>
      <c r="X12" s="1">
        <v>4.5</v>
      </c>
      <c r="Y12" s="1">
        <v>0.52</v>
      </c>
      <c r="Z12" s="1">
        <v>2.1999999999999999E-2</v>
      </c>
      <c r="AA12" s="1" t="s">
        <v>926</v>
      </c>
      <c r="AB12" s="1" t="s">
        <v>954</v>
      </c>
      <c r="AC12" s="1" t="s">
        <v>881</v>
      </c>
      <c r="AD12" s="1" t="s">
        <v>882</v>
      </c>
      <c r="AE12" s="1" t="s">
        <v>883</v>
      </c>
      <c r="AF12" s="1" t="s">
        <v>884</v>
      </c>
      <c r="AG12" s="1">
        <v>5.0000000000000001E-4</v>
      </c>
      <c r="AH12" s="1" t="s">
        <v>883</v>
      </c>
      <c r="AI12" s="1"/>
      <c r="AJ12" s="1"/>
      <c r="AK12" s="1"/>
      <c r="AL12" s="1" t="s">
        <v>888</v>
      </c>
      <c r="AM12" s="1"/>
      <c r="AN12" s="1"/>
      <c r="AO12" s="1"/>
      <c r="AP12" t="s">
        <v>888</v>
      </c>
      <c r="AQ12" s="1"/>
      <c r="AR12" s="1" t="s">
        <v>888</v>
      </c>
      <c r="AS12" s="1" t="s">
        <v>888</v>
      </c>
      <c r="AT12" s="1"/>
      <c r="AU12" s="1"/>
      <c r="AV12" s="1"/>
      <c r="AW12" s="1"/>
      <c r="AX12" s="1"/>
      <c r="AY12" s="1"/>
      <c r="AZ12" s="1" t="s">
        <v>893</v>
      </c>
      <c r="BA12" s="1">
        <v>5.6000000000000001E-2</v>
      </c>
      <c r="BB12" s="1">
        <v>7.0000000000000007E-2</v>
      </c>
      <c r="BC12" s="1">
        <v>3.9</v>
      </c>
      <c r="BD12" s="1">
        <v>3.9</v>
      </c>
      <c r="BE12" s="1"/>
      <c r="BF12" s="1" t="s">
        <v>885</v>
      </c>
      <c r="BG12" s="1">
        <v>4.4999999999999997E-3</v>
      </c>
      <c r="BH12" s="1" t="s">
        <v>884</v>
      </c>
      <c r="BI12" s="1" t="s">
        <v>882</v>
      </c>
      <c r="BJ12" s="1"/>
      <c r="BK12" s="1"/>
      <c r="BL12" s="1"/>
      <c r="BM12" s="1">
        <v>0.04</v>
      </c>
      <c r="BN12" s="1">
        <v>0.5</v>
      </c>
      <c r="BO12" s="1">
        <v>41</v>
      </c>
      <c r="BP12" s="1">
        <v>34</v>
      </c>
      <c r="BQ12" s="1"/>
      <c r="BR12" s="1" t="s">
        <v>90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1875</v>
      </c>
      <c r="C13" s="1" t="s">
        <v>855</v>
      </c>
      <c r="D13" s="1" t="s">
        <v>85</v>
      </c>
      <c r="E13" s="1" t="s">
        <v>28</v>
      </c>
      <c r="F13" s="1" t="s">
        <v>92</v>
      </c>
      <c r="G13" s="1" t="s">
        <v>559</v>
      </c>
      <c r="H13" s="1" t="s">
        <v>150</v>
      </c>
      <c r="I13" s="1" t="s">
        <v>674</v>
      </c>
      <c r="J13" s="1" t="s">
        <v>132</v>
      </c>
      <c r="K13" s="1" t="s">
        <v>483</v>
      </c>
      <c r="L13" s="1" t="s">
        <v>34</v>
      </c>
      <c r="N13" s="1" t="s">
        <v>35</v>
      </c>
      <c r="O13" s="1" t="s">
        <v>278</v>
      </c>
      <c r="P13" s="1" t="s">
        <v>37</v>
      </c>
      <c r="Q13" s="1" t="s">
        <v>81</v>
      </c>
      <c r="R13" s="1" t="s">
        <v>90</v>
      </c>
      <c r="S13" s="1" t="s">
        <v>314</v>
      </c>
      <c r="T13" s="1" t="s">
        <v>286</v>
      </c>
      <c r="U13" s="1">
        <v>7.9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42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5486111111111116</v>
      </c>
      <c r="C14" s="1" t="s">
        <v>855</v>
      </c>
      <c r="D14" s="1" t="s">
        <v>85</v>
      </c>
      <c r="E14" s="1" t="s">
        <v>28</v>
      </c>
      <c r="F14" s="1" t="s">
        <v>106</v>
      </c>
      <c r="G14" s="1" t="s">
        <v>107</v>
      </c>
      <c r="H14" s="1" t="s">
        <v>309</v>
      </c>
      <c r="I14" s="1" t="s">
        <v>675</v>
      </c>
      <c r="J14" s="1" t="s">
        <v>47</v>
      </c>
      <c r="K14" s="1" t="s">
        <v>248</v>
      </c>
      <c r="L14" s="1" t="s">
        <v>34</v>
      </c>
      <c r="N14" s="1" t="s">
        <v>35</v>
      </c>
      <c r="O14" s="1" t="s">
        <v>278</v>
      </c>
      <c r="P14" s="1" t="s">
        <v>37</v>
      </c>
      <c r="Q14" s="1" t="s">
        <v>145</v>
      </c>
      <c r="R14" s="1" t="s">
        <v>115</v>
      </c>
      <c r="S14" s="1" t="s">
        <v>415</v>
      </c>
      <c r="T14" s="1" t="s">
        <v>129</v>
      </c>
      <c r="U14" s="1">
        <v>5.9</v>
      </c>
      <c r="V14" s="1"/>
      <c r="W14" s="1"/>
      <c r="X14" s="1">
        <v>5.4</v>
      </c>
      <c r="Y14" s="1">
        <v>0.56999999999999995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42</v>
      </c>
      <c r="BP14" s="1">
        <v>34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503</v>
      </c>
      <c r="B15" s="2">
        <v>0.20833333333333334</v>
      </c>
      <c r="C15" s="1" t="s">
        <v>855</v>
      </c>
      <c r="D15" s="1" t="s">
        <v>27</v>
      </c>
      <c r="E15" s="1" t="s">
        <v>28</v>
      </c>
      <c r="F15" s="1" t="s">
        <v>261</v>
      </c>
      <c r="G15" s="1" t="s">
        <v>375</v>
      </c>
      <c r="H15" s="1" t="s">
        <v>47</v>
      </c>
      <c r="I15" s="1" t="s">
        <v>676</v>
      </c>
      <c r="J15" s="1" t="s">
        <v>47</v>
      </c>
      <c r="K15" s="1" t="s">
        <v>251</v>
      </c>
      <c r="L15" s="1" t="s">
        <v>34</v>
      </c>
      <c r="N15" s="1" t="s">
        <v>35</v>
      </c>
      <c r="O15" s="1" t="s">
        <v>278</v>
      </c>
      <c r="P15" s="1" t="s">
        <v>37</v>
      </c>
      <c r="Q15" s="1" t="s">
        <v>145</v>
      </c>
      <c r="R15" s="1" t="s">
        <v>180</v>
      </c>
      <c r="S15" s="1" t="s">
        <v>323</v>
      </c>
      <c r="T15" s="1" t="s">
        <v>68</v>
      </c>
      <c r="U15" s="1">
        <v>5.0999999999999996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43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4</v>
      </c>
      <c r="B16" s="2">
        <v>0.47916666666666669</v>
      </c>
      <c r="C16" s="1" t="s">
        <v>855</v>
      </c>
      <c r="D16" s="1" t="s">
        <v>85</v>
      </c>
      <c r="E16" s="1" t="s">
        <v>28</v>
      </c>
      <c r="F16" s="1" t="s">
        <v>457</v>
      </c>
      <c r="G16" s="1" t="s">
        <v>507</v>
      </c>
      <c r="H16" s="1" t="s">
        <v>276</v>
      </c>
      <c r="I16" s="1" t="s">
        <v>677</v>
      </c>
      <c r="J16" s="1" t="s">
        <v>72</v>
      </c>
      <c r="K16" s="1" t="s">
        <v>223</v>
      </c>
      <c r="L16" s="1" t="s">
        <v>34</v>
      </c>
      <c r="N16" s="1" t="s">
        <v>35</v>
      </c>
      <c r="O16" s="1" t="s">
        <v>278</v>
      </c>
      <c r="P16" s="1" t="s">
        <v>37</v>
      </c>
      <c r="Q16" s="1" t="s">
        <v>171</v>
      </c>
      <c r="R16" s="1" t="s">
        <v>39</v>
      </c>
      <c r="S16" s="1" t="s">
        <v>415</v>
      </c>
      <c r="T16" s="1" t="s">
        <v>41</v>
      </c>
      <c r="U16" s="1">
        <v>7.8</v>
      </c>
      <c r="V16" s="4">
        <v>13000</v>
      </c>
      <c r="W16" s="1"/>
      <c r="X16" s="1">
        <v>5.6</v>
      </c>
      <c r="Y16" s="1">
        <v>0.42</v>
      </c>
      <c r="Z16" s="1"/>
      <c r="AA16" s="1"/>
      <c r="AB16" s="1"/>
      <c r="AC16" s="1" t="s">
        <v>881</v>
      </c>
      <c r="AD16" s="1" t="s">
        <v>882</v>
      </c>
      <c r="AE16" s="1" t="s">
        <v>883</v>
      </c>
      <c r="AF16" s="1" t="s">
        <v>884</v>
      </c>
      <c r="AG16" s="1">
        <v>5.0000000000000001E-4</v>
      </c>
      <c r="AH16" s="1" t="s">
        <v>883</v>
      </c>
      <c r="AI16" s="1"/>
      <c r="AJ16" s="1"/>
      <c r="AK16" s="1"/>
      <c r="AL16" s="1" t="s">
        <v>888</v>
      </c>
      <c r="AM16" s="1"/>
      <c r="AN16" s="1"/>
      <c r="AO16" s="1"/>
      <c r="AP16" t="s">
        <v>888</v>
      </c>
      <c r="AQ16" s="1"/>
      <c r="AR16" s="1" t="s">
        <v>888</v>
      </c>
      <c r="AS16" s="1" t="s">
        <v>888</v>
      </c>
      <c r="AT16" s="1"/>
      <c r="AU16" s="1" t="s">
        <v>883</v>
      </c>
      <c r="AV16" s="1" t="s">
        <v>881</v>
      </c>
      <c r="AW16" s="1" t="s">
        <v>883</v>
      </c>
      <c r="AX16" s="1"/>
      <c r="AY16" s="1"/>
      <c r="AZ16" s="1"/>
      <c r="BA16" s="1"/>
      <c r="BB16" s="1">
        <v>7.0000000000000007E-2</v>
      </c>
      <c r="BC16" s="1">
        <v>4.3</v>
      </c>
      <c r="BD16" s="1">
        <v>4.3</v>
      </c>
      <c r="BE16" s="1"/>
      <c r="BF16" s="1"/>
      <c r="BG16" s="1"/>
      <c r="BH16" s="1"/>
      <c r="BI16" s="1"/>
      <c r="BJ16" s="1"/>
      <c r="BK16" s="1" t="s">
        <v>903</v>
      </c>
      <c r="BL16" s="1"/>
      <c r="BM16" s="1">
        <v>0.05</v>
      </c>
      <c r="BN16" s="1">
        <v>0.36</v>
      </c>
      <c r="BO16" s="1">
        <v>45</v>
      </c>
      <c r="BP16" s="1">
        <v>46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1875</v>
      </c>
      <c r="C17" s="1" t="s">
        <v>855</v>
      </c>
      <c r="D17" s="1" t="s">
        <v>27</v>
      </c>
      <c r="E17" s="1" t="s">
        <v>28</v>
      </c>
      <c r="F17" s="1" t="s">
        <v>230</v>
      </c>
      <c r="G17" s="1" t="s">
        <v>507</v>
      </c>
      <c r="H17" s="1" t="s">
        <v>47</v>
      </c>
      <c r="I17" s="1" t="s">
        <v>443</v>
      </c>
      <c r="J17" s="1" t="s">
        <v>55</v>
      </c>
      <c r="K17" s="1" t="s">
        <v>520</v>
      </c>
      <c r="L17" s="1" t="s">
        <v>34</v>
      </c>
      <c r="N17" s="1" t="s">
        <v>35</v>
      </c>
      <c r="O17" s="1" t="s">
        <v>278</v>
      </c>
      <c r="P17" s="1" t="s">
        <v>37</v>
      </c>
      <c r="Q17" s="1" t="s">
        <v>38</v>
      </c>
      <c r="R17" s="1" t="s">
        <v>121</v>
      </c>
      <c r="S17" s="1" t="s">
        <v>323</v>
      </c>
      <c r="T17" s="1" t="s">
        <v>41</v>
      </c>
      <c r="U17" s="1">
        <v>7.8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47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6527777777777779</v>
      </c>
      <c r="C18" s="1" t="s">
        <v>855</v>
      </c>
      <c r="D18" s="1" t="s">
        <v>85</v>
      </c>
      <c r="E18" s="1" t="s">
        <v>28</v>
      </c>
      <c r="F18" s="1" t="s">
        <v>211</v>
      </c>
      <c r="G18" s="1" t="s">
        <v>222</v>
      </c>
      <c r="H18" s="1" t="s">
        <v>207</v>
      </c>
      <c r="I18" s="1" t="s">
        <v>448</v>
      </c>
      <c r="J18" s="1" t="s">
        <v>126</v>
      </c>
      <c r="K18" s="1" t="s">
        <v>621</v>
      </c>
      <c r="L18" s="1" t="s">
        <v>34</v>
      </c>
      <c r="N18" s="1" t="s">
        <v>35</v>
      </c>
      <c r="O18" s="1" t="s">
        <v>278</v>
      </c>
      <c r="P18" s="1" t="s">
        <v>37</v>
      </c>
      <c r="Q18" s="1" t="s">
        <v>210</v>
      </c>
      <c r="R18" s="1" t="s">
        <v>180</v>
      </c>
      <c r="S18" s="1" t="s">
        <v>323</v>
      </c>
      <c r="T18" s="1" t="s">
        <v>60</v>
      </c>
      <c r="U18" s="1">
        <v>6.7</v>
      </c>
      <c r="V18" s="1"/>
      <c r="W18" s="1"/>
      <c r="X18" s="1">
        <v>5</v>
      </c>
      <c r="Y18" s="1">
        <v>0.5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45</v>
      </c>
      <c r="BP18" s="1">
        <v>43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27</v>
      </c>
      <c r="B19" s="2">
        <v>0.21527777777777779</v>
      </c>
      <c r="C19" s="1" t="s">
        <v>855</v>
      </c>
      <c r="D19" s="1" t="s">
        <v>164</v>
      </c>
      <c r="E19" s="1" t="s">
        <v>28</v>
      </c>
      <c r="F19" s="1" t="s">
        <v>211</v>
      </c>
      <c r="G19" s="1" t="s">
        <v>70</v>
      </c>
      <c r="H19" s="1" t="s">
        <v>207</v>
      </c>
      <c r="I19" s="1" t="s">
        <v>593</v>
      </c>
      <c r="J19" s="1" t="s">
        <v>150</v>
      </c>
      <c r="K19" s="1" t="s">
        <v>321</v>
      </c>
      <c r="L19" s="1" t="s">
        <v>34</v>
      </c>
      <c r="N19" s="1" t="s">
        <v>35</v>
      </c>
      <c r="O19" s="1" t="s">
        <v>278</v>
      </c>
      <c r="P19" s="1" t="s">
        <v>37</v>
      </c>
      <c r="Q19" s="1" t="s">
        <v>186</v>
      </c>
      <c r="R19" s="1" t="s">
        <v>180</v>
      </c>
      <c r="S19" s="1" t="s">
        <v>296</v>
      </c>
      <c r="T19" s="1" t="s">
        <v>41</v>
      </c>
      <c r="U19" s="1">
        <v>5.2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6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97</v>
      </c>
      <c r="B20" s="2">
        <v>0.46527777777777773</v>
      </c>
      <c r="C20" s="1" t="s">
        <v>855</v>
      </c>
      <c r="D20" s="1" t="s">
        <v>27</v>
      </c>
      <c r="E20" s="1" t="s">
        <v>28</v>
      </c>
      <c r="F20" s="1" t="s">
        <v>364</v>
      </c>
      <c r="G20" s="1" t="s">
        <v>505</v>
      </c>
      <c r="H20" s="1" t="s">
        <v>224</v>
      </c>
      <c r="I20" s="1" t="s">
        <v>678</v>
      </c>
      <c r="J20" s="1" t="s">
        <v>72</v>
      </c>
      <c r="K20" s="1" t="s">
        <v>223</v>
      </c>
      <c r="L20" s="1" t="s">
        <v>34</v>
      </c>
      <c r="N20" s="1" t="s">
        <v>35</v>
      </c>
      <c r="O20" s="1" t="s">
        <v>278</v>
      </c>
      <c r="P20" s="1" t="s">
        <v>37</v>
      </c>
      <c r="Q20" s="1" t="s">
        <v>186</v>
      </c>
      <c r="R20" s="1" t="s">
        <v>172</v>
      </c>
      <c r="S20" s="1" t="s">
        <v>408</v>
      </c>
      <c r="T20" s="1" t="s">
        <v>286</v>
      </c>
      <c r="U20" s="1">
        <v>7.5</v>
      </c>
      <c r="V20" s="4">
        <v>13000</v>
      </c>
      <c r="W20" s="1" t="s">
        <v>887</v>
      </c>
      <c r="X20" s="1">
        <v>5.3</v>
      </c>
      <c r="Y20" s="1">
        <v>0.54</v>
      </c>
      <c r="Z20" s="1">
        <v>2.1999999999999999E-2</v>
      </c>
      <c r="AA20" s="1" t="s">
        <v>926</v>
      </c>
      <c r="AB20" s="1" t="s">
        <v>939</v>
      </c>
      <c r="AC20" s="1" t="s">
        <v>881</v>
      </c>
      <c r="AD20" s="1" t="s">
        <v>882</v>
      </c>
      <c r="AE20" s="1" t="s">
        <v>883</v>
      </c>
      <c r="AF20" s="1" t="s">
        <v>884</v>
      </c>
      <c r="AG20" s="1">
        <v>5.0000000000000001E-4</v>
      </c>
      <c r="AH20" s="1" t="s">
        <v>883</v>
      </c>
      <c r="AI20" s="1"/>
      <c r="AJ20" s="1"/>
      <c r="AK20" s="1" t="s">
        <v>888</v>
      </c>
      <c r="AL20" s="1" t="s">
        <v>888</v>
      </c>
      <c r="AM20" s="1" t="s">
        <v>888</v>
      </c>
      <c r="AN20" s="1" t="s">
        <v>888</v>
      </c>
      <c r="AO20" s="1" t="s">
        <v>888</v>
      </c>
      <c r="AP20" t="s">
        <v>888</v>
      </c>
      <c r="AQ20" s="1" t="s">
        <v>888</v>
      </c>
      <c r="AR20" s="1" t="s">
        <v>888</v>
      </c>
      <c r="AS20" s="1" t="s">
        <v>888</v>
      </c>
      <c r="AT20" s="1" t="s">
        <v>896</v>
      </c>
      <c r="AU20" s="1"/>
      <c r="AV20" s="1"/>
      <c r="AW20" s="1"/>
      <c r="AX20" s="1" t="s">
        <v>888</v>
      </c>
      <c r="AY20" s="1" t="s">
        <v>883</v>
      </c>
      <c r="AZ20" s="1" t="s">
        <v>893</v>
      </c>
      <c r="BA20" s="1">
        <v>6.5000000000000002E-2</v>
      </c>
      <c r="BB20" s="1">
        <v>0.13</v>
      </c>
      <c r="BC20" s="1">
        <v>4.7</v>
      </c>
      <c r="BD20" s="1">
        <v>4.8</v>
      </c>
      <c r="BE20" s="1"/>
      <c r="BF20" s="1" t="s">
        <v>885</v>
      </c>
      <c r="BG20" s="1">
        <v>8.0999999999999996E-3</v>
      </c>
      <c r="BH20" s="1" t="s">
        <v>884</v>
      </c>
      <c r="BI20" s="1" t="s">
        <v>882</v>
      </c>
      <c r="BJ20" s="1"/>
      <c r="BK20" s="1"/>
      <c r="BL20" s="1">
        <v>1E-3</v>
      </c>
      <c r="BM20" s="1">
        <v>0.06</v>
      </c>
      <c r="BN20" s="1">
        <v>0.5</v>
      </c>
      <c r="BO20" s="1">
        <v>45</v>
      </c>
      <c r="BP20" s="1">
        <v>45</v>
      </c>
      <c r="BQ20" s="1"/>
      <c r="BR20" s="1" t="s">
        <v>90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1875</v>
      </c>
      <c r="C21" s="1" t="s">
        <v>855</v>
      </c>
      <c r="D21" s="1" t="s">
        <v>27</v>
      </c>
      <c r="E21" s="1" t="s">
        <v>28</v>
      </c>
      <c r="F21" s="1" t="s">
        <v>233</v>
      </c>
      <c r="G21" s="1" t="s">
        <v>679</v>
      </c>
      <c r="H21" s="1" t="s">
        <v>46</v>
      </c>
      <c r="I21" s="1" t="s">
        <v>326</v>
      </c>
      <c r="J21" s="1" t="s">
        <v>47</v>
      </c>
      <c r="K21" s="1" t="s">
        <v>248</v>
      </c>
      <c r="L21" s="1" t="s">
        <v>34</v>
      </c>
      <c r="N21" s="1" t="s">
        <v>35</v>
      </c>
      <c r="O21" s="1" t="s">
        <v>278</v>
      </c>
      <c r="P21" s="1" t="s">
        <v>37</v>
      </c>
      <c r="Q21" s="1" t="s">
        <v>75</v>
      </c>
      <c r="R21" s="1" t="s">
        <v>66</v>
      </c>
      <c r="S21" s="1" t="s">
        <v>415</v>
      </c>
      <c r="T21" s="1" t="s">
        <v>68</v>
      </c>
      <c r="U21" s="1">
        <v>7.2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45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5833333333333337</v>
      </c>
      <c r="C22" s="1" t="s">
        <v>855</v>
      </c>
      <c r="D22" s="1" t="s">
        <v>27</v>
      </c>
      <c r="E22" s="1" t="s">
        <v>28</v>
      </c>
      <c r="F22" s="1" t="s">
        <v>680</v>
      </c>
      <c r="G22" s="1" t="s">
        <v>505</v>
      </c>
      <c r="H22" s="1" t="s">
        <v>302</v>
      </c>
      <c r="I22" s="1" t="s">
        <v>681</v>
      </c>
      <c r="J22" s="1" t="s">
        <v>47</v>
      </c>
      <c r="K22" s="1" t="s">
        <v>682</v>
      </c>
      <c r="L22" s="1" t="s">
        <v>34</v>
      </c>
      <c r="N22" s="1" t="s">
        <v>35</v>
      </c>
      <c r="O22" s="1" t="s">
        <v>278</v>
      </c>
      <c r="P22" s="1" t="s">
        <v>37</v>
      </c>
      <c r="Q22" s="1" t="s">
        <v>179</v>
      </c>
      <c r="R22" s="1" t="s">
        <v>151</v>
      </c>
      <c r="S22" s="1" t="s">
        <v>323</v>
      </c>
      <c r="T22" s="1" t="s">
        <v>286</v>
      </c>
      <c r="U22" s="1">
        <v>5.6</v>
      </c>
      <c r="V22" s="1"/>
      <c r="W22" s="1"/>
      <c r="X22" s="1">
        <v>4.9000000000000004</v>
      </c>
      <c r="Y22" s="1">
        <v>0.6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44</v>
      </c>
      <c r="BP22" s="1">
        <v>41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38</v>
      </c>
      <c r="B23" s="2">
        <v>0.21527777777777779</v>
      </c>
      <c r="C23" s="1" t="s">
        <v>855</v>
      </c>
      <c r="D23" s="1" t="s">
        <v>27</v>
      </c>
      <c r="E23" s="1" t="s">
        <v>28</v>
      </c>
      <c r="F23" s="1" t="s">
        <v>680</v>
      </c>
      <c r="G23" s="1" t="s">
        <v>683</v>
      </c>
      <c r="H23" s="1" t="s">
        <v>46</v>
      </c>
      <c r="I23" s="1" t="s">
        <v>190</v>
      </c>
      <c r="J23" s="1" t="s">
        <v>45</v>
      </c>
      <c r="K23" s="1" t="s">
        <v>185</v>
      </c>
      <c r="L23" s="1" t="s">
        <v>34</v>
      </c>
      <c r="N23" s="1" t="s">
        <v>35</v>
      </c>
      <c r="O23" s="1" t="s">
        <v>278</v>
      </c>
      <c r="P23" s="1" t="s">
        <v>37</v>
      </c>
      <c r="Q23" s="1" t="s">
        <v>145</v>
      </c>
      <c r="R23" s="1" t="s">
        <v>151</v>
      </c>
      <c r="S23" s="1" t="s">
        <v>394</v>
      </c>
      <c r="T23" s="1" t="s">
        <v>286</v>
      </c>
      <c r="U23" s="1">
        <v>4.2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5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1</v>
      </c>
      <c r="B24" s="2">
        <v>0.45833333333333331</v>
      </c>
      <c r="C24" s="1" t="s">
        <v>855</v>
      </c>
      <c r="D24" s="1" t="s">
        <v>85</v>
      </c>
      <c r="E24" s="1" t="s">
        <v>28</v>
      </c>
      <c r="F24" s="1" t="s">
        <v>52</v>
      </c>
      <c r="G24" s="1" t="s">
        <v>242</v>
      </c>
      <c r="H24" s="1" t="s">
        <v>331</v>
      </c>
      <c r="I24" s="1" t="s">
        <v>684</v>
      </c>
      <c r="J24" s="1" t="s">
        <v>32</v>
      </c>
      <c r="K24" s="1" t="s">
        <v>100</v>
      </c>
      <c r="L24" s="1" t="s">
        <v>34</v>
      </c>
      <c r="N24" s="1" t="s">
        <v>35</v>
      </c>
      <c r="O24" s="1" t="s">
        <v>278</v>
      </c>
      <c r="P24" s="1" t="s">
        <v>37</v>
      </c>
      <c r="Q24" s="1" t="s">
        <v>186</v>
      </c>
      <c r="R24" s="1" t="s">
        <v>149</v>
      </c>
      <c r="S24" s="1" t="s">
        <v>147</v>
      </c>
      <c r="T24" s="1" t="s">
        <v>41</v>
      </c>
      <c r="U24" s="1">
        <v>7.4</v>
      </c>
      <c r="V24" s="4">
        <v>33000</v>
      </c>
      <c r="W24" s="1"/>
      <c r="X24" s="1">
        <v>4.7</v>
      </c>
      <c r="Y24" s="1">
        <v>0.75</v>
      </c>
      <c r="Z24" s="1"/>
      <c r="AA24" s="1"/>
      <c r="AB24" s="1"/>
      <c r="AC24" s="1" t="s">
        <v>881</v>
      </c>
      <c r="AD24" s="1" t="s">
        <v>882</v>
      </c>
      <c r="AE24" s="1" t="s">
        <v>883</v>
      </c>
      <c r="AF24" s="1" t="s">
        <v>884</v>
      </c>
      <c r="AG24" s="1">
        <v>5.0000000000000001E-4</v>
      </c>
      <c r="AH24" s="1" t="s">
        <v>883</v>
      </c>
      <c r="AI24" s="1"/>
      <c r="AJ24" s="1"/>
      <c r="AK24" s="1"/>
      <c r="AL24" s="1" t="s">
        <v>888</v>
      </c>
      <c r="AM24" s="1"/>
      <c r="AN24" s="1"/>
      <c r="AO24" s="1"/>
      <c r="AP24" t="s">
        <v>888</v>
      </c>
      <c r="AQ24" s="1"/>
      <c r="AR24" s="1" t="s">
        <v>888</v>
      </c>
      <c r="AS24" s="1" t="s">
        <v>888</v>
      </c>
      <c r="AT24" s="1"/>
      <c r="AU24" s="1"/>
      <c r="AV24" s="1"/>
      <c r="AW24" s="1"/>
      <c r="AX24" s="1"/>
      <c r="AY24" s="1"/>
      <c r="AZ24" s="1"/>
      <c r="BA24" s="1"/>
      <c r="BB24" s="1">
        <v>7.0000000000000007E-2</v>
      </c>
      <c r="BC24" s="1">
        <v>4.5</v>
      </c>
      <c r="BD24" s="1">
        <v>4.5</v>
      </c>
      <c r="BE24" s="1"/>
      <c r="BF24" s="1"/>
      <c r="BG24" s="1"/>
      <c r="BH24" s="1"/>
      <c r="BI24" s="1"/>
      <c r="BJ24" s="1"/>
      <c r="BK24" s="1"/>
      <c r="BL24" s="1"/>
      <c r="BM24" s="1" t="s">
        <v>900</v>
      </c>
      <c r="BN24" s="1">
        <v>0.71</v>
      </c>
      <c r="BO24" s="1">
        <v>35</v>
      </c>
      <c r="BP24" s="1">
        <v>32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0833333333333337</v>
      </c>
      <c r="C25" s="1" t="s">
        <v>855</v>
      </c>
      <c r="D25" s="1" t="s">
        <v>85</v>
      </c>
      <c r="E25" s="1" t="s">
        <v>28</v>
      </c>
      <c r="F25" s="1" t="s">
        <v>92</v>
      </c>
      <c r="G25" s="1" t="s">
        <v>581</v>
      </c>
      <c r="H25" s="1" t="s">
        <v>46</v>
      </c>
      <c r="I25" s="1" t="s">
        <v>244</v>
      </c>
      <c r="J25" s="1" t="s">
        <v>132</v>
      </c>
      <c r="K25" s="1" t="s">
        <v>483</v>
      </c>
      <c r="L25" s="1" t="s">
        <v>34</v>
      </c>
      <c r="N25" s="1" t="s">
        <v>35</v>
      </c>
      <c r="O25" s="1" t="s">
        <v>278</v>
      </c>
      <c r="P25" s="1" t="s">
        <v>37</v>
      </c>
      <c r="Q25" s="1" t="s">
        <v>210</v>
      </c>
      <c r="R25" s="1" t="s">
        <v>220</v>
      </c>
      <c r="S25" s="1" t="s">
        <v>147</v>
      </c>
      <c r="T25" s="1" t="s">
        <v>41</v>
      </c>
      <c r="U25" s="1">
        <v>8.1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9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5833333333333337</v>
      </c>
      <c r="C26" s="1" t="s">
        <v>855</v>
      </c>
      <c r="D26" s="1" t="s">
        <v>164</v>
      </c>
      <c r="E26" s="1" t="s">
        <v>28</v>
      </c>
      <c r="F26" s="1" t="s">
        <v>657</v>
      </c>
      <c r="G26" s="1" t="s">
        <v>92</v>
      </c>
      <c r="H26" s="1" t="s">
        <v>309</v>
      </c>
      <c r="I26" s="1" t="s">
        <v>685</v>
      </c>
      <c r="J26" s="1" t="s">
        <v>150</v>
      </c>
      <c r="K26" s="1" t="s">
        <v>326</v>
      </c>
      <c r="L26" s="1" t="s">
        <v>34</v>
      </c>
      <c r="N26" s="1" t="s">
        <v>35</v>
      </c>
      <c r="O26" s="1" t="s">
        <v>278</v>
      </c>
      <c r="P26" s="1" t="s">
        <v>37</v>
      </c>
      <c r="Q26" s="1" t="s">
        <v>186</v>
      </c>
      <c r="R26" s="1" t="s">
        <v>76</v>
      </c>
      <c r="S26" s="1" t="s">
        <v>348</v>
      </c>
      <c r="T26" s="1" t="s">
        <v>116</v>
      </c>
      <c r="U26" s="1">
        <v>5.9</v>
      </c>
      <c r="V26" s="1"/>
      <c r="W26" s="1"/>
      <c r="X26" s="1">
        <v>5.0999999999999996</v>
      </c>
      <c r="Y26" s="1">
        <v>0.76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39</v>
      </c>
      <c r="BP26" s="1">
        <v>35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252</v>
      </c>
      <c r="B27" s="2">
        <v>0.20833333333333334</v>
      </c>
      <c r="C27" s="1" t="s">
        <v>855</v>
      </c>
      <c r="D27" s="1" t="s">
        <v>27</v>
      </c>
      <c r="E27" s="1" t="s">
        <v>28</v>
      </c>
      <c r="F27" s="1" t="s">
        <v>203</v>
      </c>
      <c r="G27" s="1" t="s">
        <v>246</v>
      </c>
      <c r="H27" s="1" t="s">
        <v>31</v>
      </c>
      <c r="I27" s="1" t="s">
        <v>355</v>
      </c>
      <c r="J27" s="1" t="s">
        <v>94</v>
      </c>
      <c r="K27" s="1" t="s">
        <v>686</v>
      </c>
      <c r="L27" s="1" t="s">
        <v>34</v>
      </c>
      <c r="N27" s="1" t="s">
        <v>35</v>
      </c>
      <c r="O27" s="1" t="s">
        <v>278</v>
      </c>
      <c r="P27" s="1" t="s">
        <v>37</v>
      </c>
      <c r="Q27" s="1" t="s">
        <v>145</v>
      </c>
      <c r="R27" s="1" t="s">
        <v>181</v>
      </c>
      <c r="S27" s="1" t="s">
        <v>348</v>
      </c>
      <c r="T27" s="1" t="s">
        <v>41</v>
      </c>
      <c r="U27" s="1">
        <v>5.4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42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56</v>
      </c>
      <c r="B28" s="2">
        <v>0.45833333333333331</v>
      </c>
      <c r="C28" s="1" t="s">
        <v>855</v>
      </c>
      <c r="D28" s="1" t="s">
        <v>85</v>
      </c>
      <c r="E28" s="1" t="s">
        <v>28</v>
      </c>
      <c r="F28" s="1" t="s">
        <v>111</v>
      </c>
      <c r="G28" s="1" t="s">
        <v>246</v>
      </c>
      <c r="H28" s="1" t="s">
        <v>94</v>
      </c>
      <c r="I28" s="1" t="s">
        <v>687</v>
      </c>
      <c r="J28" s="1" t="s">
        <v>55</v>
      </c>
      <c r="K28" s="1" t="s">
        <v>56</v>
      </c>
      <c r="L28" s="1" t="s">
        <v>34</v>
      </c>
      <c r="N28" s="1" t="s">
        <v>35</v>
      </c>
      <c r="O28" s="1" t="s">
        <v>278</v>
      </c>
      <c r="P28" s="1" t="s">
        <v>37</v>
      </c>
      <c r="Q28" s="1" t="s">
        <v>179</v>
      </c>
      <c r="R28" s="1" t="s">
        <v>104</v>
      </c>
      <c r="S28" s="1" t="s">
        <v>338</v>
      </c>
      <c r="T28" s="1" t="s">
        <v>41</v>
      </c>
      <c r="U28" s="1">
        <v>7.4</v>
      </c>
      <c r="V28" s="4">
        <v>33000</v>
      </c>
      <c r="W28" s="1"/>
      <c r="X28" s="1">
        <v>4.0999999999999996</v>
      </c>
      <c r="Y28" s="1">
        <v>0.53</v>
      </c>
      <c r="Z28" s="1">
        <v>1.6E-2</v>
      </c>
      <c r="AA28" t="s">
        <v>926</v>
      </c>
      <c r="AB28" t="s">
        <v>955</v>
      </c>
      <c r="AC28" s="1" t="s">
        <v>881</v>
      </c>
      <c r="AD28" s="1" t="s">
        <v>882</v>
      </c>
      <c r="AE28" s="1" t="s">
        <v>883</v>
      </c>
      <c r="AF28" s="1" t="s">
        <v>884</v>
      </c>
      <c r="AG28" s="1">
        <v>5.0000000000000001E-4</v>
      </c>
      <c r="AH28" s="1" t="s">
        <v>883</v>
      </c>
      <c r="AI28" s="1"/>
      <c r="AJ28" s="1"/>
      <c r="AK28" s="1"/>
      <c r="AL28" s="1" t="s">
        <v>888</v>
      </c>
      <c r="AM28" s="1"/>
      <c r="AN28" s="1"/>
      <c r="AO28" s="1"/>
      <c r="AP28" t="s">
        <v>888</v>
      </c>
      <c r="AQ28" s="1"/>
      <c r="AR28" s="1" t="s">
        <v>888</v>
      </c>
      <c r="AS28" s="1" t="s">
        <v>888</v>
      </c>
      <c r="AT28" s="1"/>
      <c r="AU28" s="1"/>
      <c r="AV28" s="1"/>
      <c r="AW28" s="1"/>
      <c r="AX28" s="1"/>
      <c r="AY28" s="1"/>
      <c r="AZ28" s="1" t="s">
        <v>893</v>
      </c>
      <c r="BA28" s="1">
        <v>5.2999999999999999E-2</v>
      </c>
      <c r="BB28" s="1">
        <v>0.06</v>
      </c>
      <c r="BC28" s="1">
        <v>3.8</v>
      </c>
      <c r="BD28" s="1">
        <v>3.8</v>
      </c>
      <c r="BF28" s="1" t="s">
        <v>885</v>
      </c>
      <c r="BG28" s="1">
        <v>2.3E-3</v>
      </c>
      <c r="BH28" s="1" t="s">
        <v>884</v>
      </c>
      <c r="BI28" s="1" t="s">
        <v>882</v>
      </c>
      <c r="BJ28" s="1"/>
      <c r="BK28" s="1"/>
      <c r="BL28" s="1"/>
      <c r="BM28" s="1" t="s">
        <v>900</v>
      </c>
      <c r="BN28" s="1">
        <v>0.48</v>
      </c>
      <c r="BO28" s="1">
        <v>43</v>
      </c>
      <c r="BP28" s="1">
        <v>37</v>
      </c>
      <c r="BQ28" s="1"/>
      <c r="BR28" s="1" t="s">
        <v>90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72569444444444453</v>
      </c>
      <c r="C29" s="1" t="s">
        <v>855</v>
      </c>
      <c r="D29" s="1" t="s">
        <v>85</v>
      </c>
      <c r="E29" s="1" t="s">
        <v>28</v>
      </c>
      <c r="F29" s="1" t="s">
        <v>107</v>
      </c>
      <c r="G29" s="1" t="s">
        <v>92</v>
      </c>
      <c r="H29" s="1" t="s">
        <v>139</v>
      </c>
      <c r="I29" s="1" t="s">
        <v>688</v>
      </c>
      <c r="J29" s="1" t="s">
        <v>44</v>
      </c>
      <c r="K29" s="1" t="s">
        <v>254</v>
      </c>
      <c r="L29" s="1" t="s">
        <v>34</v>
      </c>
      <c r="N29" s="1" t="s">
        <v>35</v>
      </c>
      <c r="O29" s="1" t="s">
        <v>278</v>
      </c>
      <c r="P29" s="1" t="s">
        <v>37</v>
      </c>
      <c r="Q29" s="1" t="s">
        <v>171</v>
      </c>
      <c r="R29" s="1" t="s">
        <v>245</v>
      </c>
      <c r="S29" s="1" t="s">
        <v>141</v>
      </c>
      <c r="T29" s="1" t="s">
        <v>68</v>
      </c>
      <c r="U29" s="1">
        <v>8.5</v>
      </c>
      <c r="V29" s="1"/>
      <c r="W29" s="1"/>
      <c r="X29" s="1"/>
      <c r="Y29" s="1"/>
      <c r="Z29" s="1"/>
      <c r="AA29" t="s">
        <v>928</v>
      </c>
      <c r="AB29" t="s">
        <v>928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43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5833333333333337</v>
      </c>
      <c r="C30" s="1" t="s">
        <v>855</v>
      </c>
      <c r="D30" s="1" t="s">
        <v>85</v>
      </c>
      <c r="E30" s="1" t="s">
        <v>28</v>
      </c>
      <c r="F30" s="1" t="s">
        <v>250</v>
      </c>
      <c r="G30" s="1" t="s">
        <v>246</v>
      </c>
      <c r="H30" s="1" t="s">
        <v>65</v>
      </c>
      <c r="I30" s="1" t="s">
        <v>689</v>
      </c>
      <c r="J30" s="1" t="s">
        <v>78</v>
      </c>
      <c r="K30" s="1" t="s">
        <v>607</v>
      </c>
      <c r="L30" s="1" t="s">
        <v>34</v>
      </c>
      <c r="N30" s="1" t="s">
        <v>35</v>
      </c>
      <c r="O30" s="1" t="s">
        <v>278</v>
      </c>
      <c r="P30" s="1" t="s">
        <v>37</v>
      </c>
      <c r="Q30" s="1" t="s">
        <v>186</v>
      </c>
      <c r="R30" s="1" t="s">
        <v>245</v>
      </c>
      <c r="S30" s="1" t="s">
        <v>279</v>
      </c>
      <c r="T30" s="1" t="s">
        <v>41</v>
      </c>
      <c r="U30" s="1">
        <v>6.4</v>
      </c>
      <c r="V30" s="1"/>
      <c r="W30" s="1"/>
      <c r="X30" s="1">
        <v>5.5</v>
      </c>
      <c r="Y30" s="1">
        <v>0.5</v>
      </c>
      <c r="Z30" s="1"/>
      <c r="AA30" t="s">
        <v>928</v>
      </c>
      <c r="AB30" t="s">
        <v>928</v>
      </c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44</v>
      </c>
      <c r="BP30" s="1">
        <v>36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66</v>
      </c>
      <c r="B31" s="2">
        <v>0.20833333333333334</v>
      </c>
      <c r="C31" s="1" t="s">
        <v>855</v>
      </c>
      <c r="D31" s="1" t="s">
        <v>85</v>
      </c>
      <c r="E31" s="1" t="s">
        <v>28</v>
      </c>
      <c r="F31" s="1" t="s">
        <v>390</v>
      </c>
      <c r="G31" s="1" t="s">
        <v>375</v>
      </c>
      <c r="H31" s="1" t="s">
        <v>334</v>
      </c>
      <c r="I31" s="1" t="s">
        <v>690</v>
      </c>
      <c r="J31" s="1" t="s">
        <v>45</v>
      </c>
      <c r="K31" s="1" t="s">
        <v>185</v>
      </c>
      <c r="L31" s="1" t="s">
        <v>34</v>
      </c>
      <c r="N31" s="1" t="s">
        <v>35</v>
      </c>
      <c r="O31" s="1" t="s">
        <v>278</v>
      </c>
      <c r="P31" s="1" t="s">
        <v>37</v>
      </c>
      <c r="Q31" s="1" t="s">
        <v>145</v>
      </c>
      <c r="R31" s="1" t="s">
        <v>108</v>
      </c>
      <c r="S31" s="1" t="s">
        <v>147</v>
      </c>
      <c r="T31" s="1" t="s">
        <v>41</v>
      </c>
      <c r="U31" s="1">
        <v>6</v>
      </c>
      <c r="V31" s="1"/>
      <c r="W31" s="1"/>
      <c r="X31" s="1"/>
      <c r="Y31" s="1"/>
      <c r="Z31" s="1"/>
      <c r="AA31" t="s">
        <v>928</v>
      </c>
      <c r="AB31" t="s">
        <v>928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44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268</v>
      </c>
      <c r="B32" s="2">
        <v>0.45833333333333331</v>
      </c>
      <c r="C32" s="1" t="s">
        <v>855</v>
      </c>
      <c r="D32" s="1" t="s">
        <v>27</v>
      </c>
      <c r="E32" s="1" t="s">
        <v>474</v>
      </c>
      <c r="F32" s="1" t="s">
        <v>202</v>
      </c>
      <c r="G32" s="1" t="s">
        <v>61</v>
      </c>
      <c r="H32" s="1" t="s">
        <v>345</v>
      </c>
      <c r="I32" s="1" t="s">
        <v>691</v>
      </c>
      <c r="J32" s="1" t="s">
        <v>64</v>
      </c>
      <c r="K32" s="1" t="s">
        <v>126</v>
      </c>
      <c r="L32" s="1" t="s">
        <v>34</v>
      </c>
      <c r="N32" s="1" t="s">
        <v>35</v>
      </c>
      <c r="O32" s="1" t="s">
        <v>278</v>
      </c>
      <c r="P32" s="1" t="s">
        <v>37</v>
      </c>
      <c r="Q32" s="1" t="s">
        <v>145</v>
      </c>
      <c r="R32" s="1" t="s">
        <v>192</v>
      </c>
      <c r="S32" s="1" t="s">
        <v>157</v>
      </c>
      <c r="T32" s="1" t="s">
        <v>41</v>
      </c>
      <c r="U32" s="1">
        <v>7.6</v>
      </c>
      <c r="V32" s="4">
        <v>49000</v>
      </c>
      <c r="W32" s="1"/>
      <c r="X32" s="1">
        <v>4.2</v>
      </c>
      <c r="Y32" s="1">
        <v>0.43</v>
      </c>
      <c r="Z32" s="1"/>
      <c r="AA32" t="s">
        <v>928</v>
      </c>
      <c r="AB32" t="s">
        <v>928</v>
      </c>
      <c r="AC32" s="1" t="s">
        <v>881</v>
      </c>
      <c r="AD32" s="1" t="s">
        <v>882</v>
      </c>
      <c r="AE32" s="1">
        <v>5.0000000000000001E-4</v>
      </c>
      <c r="AF32" s="1" t="s">
        <v>884</v>
      </c>
      <c r="AG32" s="1" t="s">
        <v>883</v>
      </c>
      <c r="AH32" s="1" t="s">
        <v>883</v>
      </c>
      <c r="AI32" s="1"/>
      <c r="AJ32" s="1"/>
      <c r="AK32" s="1"/>
      <c r="AL32" s="1" t="s">
        <v>888</v>
      </c>
      <c r="AM32" s="1"/>
      <c r="AN32" s="1"/>
      <c r="AO32" s="1"/>
      <c r="AP32" t="s">
        <v>888</v>
      </c>
      <c r="AQ32" s="1"/>
      <c r="AR32" s="1" t="s">
        <v>888</v>
      </c>
      <c r="AS32" s="1" t="s">
        <v>888</v>
      </c>
      <c r="AT32" s="1"/>
      <c r="AU32" s="1"/>
      <c r="AV32" s="1"/>
      <c r="AW32" s="1"/>
      <c r="AX32" s="1"/>
      <c r="AY32" s="1"/>
      <c r="AZ32" s="1"/>
      <c r="BA32" s="1"/>
      <c r="BB32" s="1">
        <v>0.06</v>
      </c>
      <c r="BC32" s="1">
        <v>3.4</v>
      </c>
      <c r="BD32" s="1">
        <v>3.4</v>
      </c>
      <c r="BF32" s="1"/>
      <c r="BG32" s="1"/>
      <c r="BH32" s="1"/>
      <c r="BI32" s="1"/>
      <c r="BJ32" s="1"/>
      <c r="BK32" s="1"/>
      <c r="BL32" s="1"/>
      <c r="BM32" s="1" t="s">
        <v>900</v>
      </c>
      <c r="BN32" s="1">
        <v>0.39</v>
      </c>
      <c r="BO32" s="1">
        <v>32</v>
      </c>
      <c r="BP32" s="1">
        <v>27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72222222222222221</v>
      </c>
      <c r="C33" s="1" t="s">
        <v>855</v>
      </c>
      <c r="D33" s="1" t="s">
        <v>27</v>
      </c>
      <c r="E33" s="1" t="s">
        <v>474</v>
      </c>
      <c r="F33" s="1" t="s">
        <v>43</v>
      </c>
      <c r="G33" s="1" t="s">
        <v>202</v>
      </c>
      <c r="H33" s="1" t="s">
        <v>302</v>
      </c>
      <c r="I33" s="1" t="s">
        <v>692</v>
      </c>
      <c r="J33" s="1" t="s">
        <v>78</v>
      </c>
      <c r="K33" s="1" t="s">
        <v>693</v>
      </c>
      <c r="L33" s="1" t="s">
        <v>34</v>
      </c>
      <c r="N33" s="1" t="s">
        <v>35</v>
      </c>
      <c r="O33" s="1" t="s">
        <v>278</v>
      </c>
      <c r="P33" s="1" t="s">
        <v>37</v>
      </c>
      <c r="Q33" s="1" t="s">
        <v>186</v>
      </c>
      <c r="R33" s="1" t="s">
        <v>121</v>
      </c>
      <c r="S33" s="1" t="s">
        <v>287</v>
      </c>
      <c r="T33" s="1" t="s">
        <v>409</v>
      </c>
      <c r="U33" s="1">
        <v>8.6</v>
      </c>
      <c r="V33" s="1"/>
      <c r="W33" s="1"/>
      <c r="X33" s="1"/>
      <c r="Y33" s="1"/>
      <c r="Z33" s="1"/>
      <c r="AA33" t="s">
        <v>928</v>
      </c>
      <c r="AB33" t="s">
        <v>928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34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5833333333333337</v>
      </c>
      <c r="C34" s="1" t="s">
        <v>855</v>
      </c>
      <c r="D34" s="1" t="s">
        <v>27</v>
      </c>
      <c r="E34" s="1" t="s">
        <v>474</v>
      </c>
      <c r="F34" s="1" t="s">
        <v>125</v>
      </c>
      <c r="G34" s="1" t="s">
        <v>29</v>
      </c>
      <c r="H34" s="1" t="s">
        <v>334</v>
      </c>
      <c r="I34" s="1" t="s">
        <v>694</v>
      </c>
      <c r="J34" s="1" t="s">
        <v>32</v>
      </c>
      <c r="K34" s="1" t="s">
        <v>100</v>
      </c>
      <c r="L34" s="1" t="s">
        <v>34</v>
      </c>
      <c r="N34" s="1" t="s">
        <v>35</v>
      </c>
      <c r="O34" s="1" t="s">
        <v>278</v>
      </c>
      <c r="P34" s="1" t="s">
        <v>37</v>
      </c>
      <c r="Q34" s="1" t="s">
        <v>191</v>
      </c>
      <c r="R34" s="1" t="s">
        <v>181</v>
      </c>
      <c r="S34" s="1" t="s">
        <v>314</v>
      </c>
      <c r="T34" s="1" t="s">
        <v>174</v>
      </c>
      <c r="U34" s="1">
        <v>6.4</v>
      </c>
      <c r="V34" s="1"/>
      <c r="W34" s="1"/>
      <c r="X34" s="1">
        <v>5.5</v>
      </c>
      <c r="Y34" s="1">
        <v>0.76</v>
      </c>
      <c r="Z34" s="1"/>
      <c r="AA34" t="s">
        <v>928</v>
      </c>
      <c r="AB34" t="s">
        <v>928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37</v>
      </c>
      <c r="BP34" s="1">
        <v>30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272</v>
      </c>
      <c r="B35" s="2">
        <v>0.20833333333333334</v>
      </c>
      <c r="C35" s="1" t="s">
        <v>855</v>
      </c>
      <c r="D35" s="1" t="s">
        <v>27</v>
      </c>
      <c r="E35" s="1" t="s">
        <v>474</v>
      </c>
      <c r="F35" s="1" t="s">
        <v>117</v>
      </c>
      <c r="G35" s="1" t="s">
        <v>118</v>
      </c>
      <c r="H35" s="1" t="s">
        <v>207</v>
      </c>
      <c r="I35" s="1" t="s">
        <v>366</v>
      </c>
      <c r="J35" s="1" t="s">
        <v>94</v>
      </c>
      <c r="K35" s="1" t="s">
        <v>667</v>
      </c>
      <c r="L35" s="1" t="s">
        <v>34</v>
      </c>
      <c r="N35" s="1" t="s">
        <v>35</v>
      </c>
      <c r="O35" s="1" t="s">
        <v>278</v>
      </c>
      <c r="P35" s="1" t="s">
        <v>37</v>
      </c>
      <c r="Q35" s="1" t="s">
        <v>191</v>
      </c>
      <c r="R35" s="1" t="s">
        <v>192</v>
      </c>
      <c r="S35" s="1" t="s">
        <v>348</v>
      </c>
      <c r="T35" s="1" t="s">
        <v>60</v>
      </c>
      <c r="U35" s="1">
        <v>5.8</v>
      </c>
      <c r="V35" s="1"/>
      <c r="W35" s="1"/>
      <c r="X35" s="1"/>
      <c r="Y35" s="1"/>
      <c r="Z35" s="1"/>
      <c r="AA35" t="s">
        <v>928</v>
      </c>
      <c r="AB35" t="s">
        <v>928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39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37</v>
      </c>
      <c r="B36" s="2">
        <v>0.45833333333333331</v>
      </c>
      <c r="C36" s="1" t="s">
        <v>855</v>
      </c>
      <c r="D36" s="1" t="s">
        <v>27</v>
      </c>
      <c r="E36" s="1" t="s">
        <v>856</v>
      </c>
      <c r="F36" s="1" t="s">
        <v>250</v>
      </c>
      <c r="G36" s="1" t="s">
        <v>29</v>
      </c>
      <c r="H36" s="1" t="s">
        <v>207</v>
      </c>
      <c r="I36" s="1" t="s">
        <v>486</v>
      </c>
      <c r="J36" s="1" t="s">
        <v>119</v>
      </c>
      <c r="K36" s="1" t="s">
        <v>219</v>
      </c>
      <c r="L36" s="1" t="s">
        <v>695</v>
      </c>
      <c r="N36" s="1" t="s">
        <v>35</v>
      </c>
      <c r="O36" s="1" t="s">
        <v>278</v>
      </c>
      <c r="P36" s="1" t="s">
        <v>37</v>
      </c>
      <c r="Q36" s="1" t="s">
        <v>191</v>
      </c>
      <c r="R36" s="1" t="s">
        <v>39</v>
      </c>
      <c r="S36" s="1" t="s">
        <v>191</v>
      </c>
      <c r="T36" s="1" t="s">
        <v>639</v>
      </c>
      <c r="U36" s="1">
        <v>6.6</v>
      </c>
      <c r="V36" s="4">
        <v>49000</v>
      </c>
      <c r="W36" s="1"/>
      <c r="X36" s="1">
        <v>4.7</v>
      </c>
      <c r="Y36" s="1">
        <v>0.47</v>
      </c>
      <c r="Z36" s="1">
        <v>2.1000000000000001E-2</v>
      </c>
      <c r="AA36" t="s">
        <v>926</v>
      </c>
      <c r="AB36" t="s">
        <v>956</v>
      </c>
      <c r="AC36" s="1" t="s">
        <v>881</v>
      </c>
      <c r="AD36" s="1" t="s">
        <v>882</v>
      </c>
      <c r="AE36" s="1" t="s">
        <v>883</v>
      </c>
      <c r="AF36" s="1" t="s">
        <v>884</v>
      </c>
      <c r="AG36" s="1" t="s">
        <v>883</v>
      </c>
      <c r="AH36" s="1" t="s">
        <v>883</v>
      </c>
      <c r="AI36" s="1"/>
      <c r="AJ36" s="1"/>
      <c r="AK36" s="1"/>
      <c r="AL36" s="1" t="s">
        <v>888</v>
      </c>
      <c r="AM36" s="1"/>
      <c r="AN36" s="1"/>
      <c r="AO36" s="1"/>
      <c r="AP36" t="s">
        <v>888</v>
      </c>
      <c r="AQ36" s="1"/>
      <c r="AR36" s="1" t="s">
        <v>888</v>
      </c>
      <c r="AS36" s="1" t="s">
        <v>888</v>
      </c>
      <c r="AT36" s="1"/>
      <c r="AU36" s="1"/>
      <c r="AV36" s="1"/>
      <c r="AW36" s="1"/>
      <c r="AX36" s="1"/>
      <c r="AY36" s="1"/>
      <c r="AZ36" s="1" t="s">
        <v>893</v>
      </c>
      <c r="BA36" s="1">
        <v>4.3999999999999997E-2</v>
      </c>
      <c r="BB36" s="1">
        <v>0.16</v>
      </c>
      <c r="BC36" s="1">
        <v>3.9</v>
      </c>
      <c r="BD36" s="1">
        <v>4</v>
      </c>
      <c r="BF36" s="1" t="s">
        <v>885</v>
      </c>
      <c r="BG36" s="1">
        <v>4.7000000000000002E-3</v>
      </c>
      <c r="BH36" s="1">
        <v>0.03</v>
      </c>
      <c r="BI36" s="1" t="s">
        <v>882</v>
      </c>
      <c r="BJ36" s="1"/>
      <c r="BK36" s="1"/>
      <c r="BL36" s="1"/>
      <c r="BM36" s="1" t="s">
        <v>900</v>
      </c>
      <c r="BN36" s="1">
        <v>0.42</v>
      </c>
      <c r="BO36" s="1">
        <v>30</v>
      </c>
      <c r="BP36" s="1">
        <v>27</v>
      </c>
      <c r="BQ36" s="1"/>
      <c r="BR36" s="1" t="s">
        <v>90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72222222222222221</v>
      </c>
      <c r="C37" s="1" t="s">
        <v>855</v>
      </c>
      <c r="D37" s="1" t="s">
        <v>85</v>
      </c>
      <c r="E37" s="1" t="s">
        <v>856</v>
      </c>
      <c r="F37" s="1" t="s">
        <v>167</v>
      </c>
      <c r="G37" s="1" t="s">
        <v>250</v>
      </c>
      <c r="H37" s="1" t="s">
        <v>80</v>
      </c>
      <c r="I37" s="1" t="s">
        <v>696</v>
      </c>
      <c r="J37" s="1" t="s">
        <v>47</v>
      </c>
      <c r="K37" s="1" t="s">
        <v>248</v>
      </c>
      <c r="L37" s="1" t="s">
        <v>697</v>
      </c>
      <c r="N37" s="1" t="s">
        <v>35</v>
      </c>
      <c r="O37" s="1" t="s">
        <v>278</v>
      </c>
      <c r="P37" s="1" t="s">
        <v>37</v>
      </c>
      <c r="Q37" s="1" t="s">
        <v>186</v>
      </c>
      <c r="R37" s="1" t="s">
        <v>196</v>
      </c>
      <c r="S37" s="1" t="s">
        <v>161</v>
      </c>
      <c r="T37" s="1" t="s">
        <v>698</v>
      </c>
      <c r="U37" s="1">
        <v>8.6999999999999993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36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5833333333333337</v>
      </c>
      <c r="C38" s="1" t="s">
        <v>855</v>
      </c>
      <c r="D38" s="1" t="s">
        <v>85</v>
      </c>
      <c r="E38" s="1" t="s">
        <v>856</v>
      </c>
      <c r="F38" s="1" t="s">
        <v>176</v>
      </c>
      <c r="G38" s="1" t="s">
        <v>203</v>
      </c>
      <c r="H38" s="1" t="s">
        <v>74</v>
      </c>
      <c r="I38" s="1" t="s">
        <v>532</v>
      </c>
      <c r="J38" s="1" t="s">
        <v>79</v>
      </c>
      <c r="K38" s="1" t="s">
        <v>88</v>
      </c>
      <c r="L38" s="1" t="s">
        <v>318</v>
      </c>
      <c r="N38" s="1" t="s">
        <v>35</v>
      </c>
      <c r="O38" s="1" t="s">
        <v>278</v>
      </c>
      <c r="P38" s="1" t="s">
        <v>37</v>
      </c>
      <c r="Q38" s="1" t="s">
        <v>191</v>
      </c>
      <c r="R38" s="1" t="s">
        <v>173</v>
      </c>
      <c r="S38" s="1" t="s">
        <v>186</v>
      </c>
      <c r="T38" s="1" t="s">
        <v>41</v>
      </c>
      <c r="U38" s="1">
        <v>6.3</v>
      </c>
      <c r="V38" s="1"/>
      <c r="W38" s="1"/>
      <c r="X38" s="1">
        <v>6.8</v>
      </c>
      <c r="Y38" s="1">
        <v>0.89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37</v>
      </c>
      <c r="BP38" s="1">
        <v>33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284</v>
      </c>
      <c r="B39" s="2">
        <v>0.20833333333333334</v>
      </c>
      <c r="C39" s="1" t="s">
        <v>855</v>
      </c>
      <c r="D39" s="1" t="s">
        <v>164</v>
      </c>
      <c r="E39" s="1" t="s">
        <v>856</v>
      </c>
      <c r="F39" s="1" t="s">
        <v>699</v>
      </c>
      <c r="G39" s="1" t="s">
        <v>114</v>
      </c>
      <c r="H39" s="1" t="s">
        <v>139</v>
      </c>
      <c r="I39" s="1" t="s">
        <v>700</v>
      </c>
      <c r="J39" s="1" t="s">
        <v>78</v>
      </c>
      <c r="K39" s="1" t="s">
        <v>701</v>
      </c>
      <c r="L39" s="1" t="s">
        <v>34</v>
      </c>
      <c r="N39" s="1" t="s">
        <v>35</v>
      </c>
      <c r="O39" s="1" t="s">
        <v>278</v>
      </c>
      <c r="P39" s="1" t="s">
        <v>37</v>
      </c>
      <c r="Q39" s="1" t="s">
        <v>191</v>
      </c>
      <c r="R39" s="1" t="s">
        <v>40</v>
      </c>
      <c r="S39" s="1" t="s">
        <v>296</v>
      </c>
      <c r="T39" s="1" t="s">
        <v>41</v>
      </c>
      <c r="U39" s="1">
        <v>6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40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44</v>
      </c>
      <c r="B40" s="2">
        <v>0.45833333333333331</v>
      </c>
      <c r="C40" s="1" t="s">
        <v>855</v>
      </c>
      <c r="D40" s="1" t="s">
        <v>27</v>
      </c>
      <c r="E40" s="1" t="s">
        <v>28</v>
      </c>
      <c r="F40" s="1" t="s">
        <v>452</v>
      </c>
      <c r="G40" s="1" t="s">
        <v>166</v>
      </c>
      <c r="H40" s="1" t="s">
        <v>80</v>
      </c>
      <c r="I40" s="1" t="s">
        <v>702</v>
      </c>
      <c r="J40" s="1" t="s">
        <v>72</v>
      </c>
      <c r="K40" s="1" t="s">
        <v>243</v>
      </c>
      <c r="L40" s="1" t="s">
        <v>34</v>
      </c>
      <c r="N40" s="1" t="s">
        <v>35</v>
      </c>
      <c r="O40" s="1" t="s">
        <v>278</v>
      </c>
      <c r="P40" s="1" t="s">
        <v>37</v>
      </c>
      <c r="Q40" s="1" t="s">
        <v>191</v>
      </c>
      <c r="R40" s="1" t="s">
        <v>49</v>
      </c>
      <c r="S40" s="1" t="s">
        <v>186</v>
      </c>
      <c r="T40" s="1" t="s">
        <v>60</v>
      </c>
      <c r="U40" s="1">
        <v>7.2</v>
      </c>
      <c r="V40" s="4">
        <v>7900</v>
      </c>
      <c r="W40" s="1"/>
      <c r="X40" s="1">
        <v>8.9</v>
      </c>
      <c r="Y40" s="1">
        <v>0.91</v>
      </c>
      <c r="Z40" s="1"/>
      <c r="AC40" s="1" t="s">
        <v>881</v>
      </c>
      <c r="AD40" s="1" t="s">
        <v>882</v>
      </c>
      <c r="AE40" s="1" t="s">
        <v>883</v>
      </c>
      <c r="AF40" s="1" t="s">
        <v>884</v>
      </c>
      <c r="AG40" s="1" t="s">
        <v>883</v>
      </c>
      <c r="AH40" s="1" t="s">
        <v>883</v>
      </c>
      <c r="AI40" s="1"/>
      <c r="AJ40" s="1"/>
      <c r="AK40" s="1"/>
      <c r="AL40" s="1" t="s">
        <v>888</v>
      </c>
      <c r="AM40" s="1"/>
      <c r="AN40" s="1"/>
      <c r="AO40" s="1"/>
      <c r="AP40" t="s">
        <v>888</v>
      </c>
      <c r="AQ40" s="1"/>
      <c r="AR40" s="1" t="s">
        <v>888</v>
      </c>
      <c r="AS40" s="1" t="s">
        <v>888</v>
      </c>
      <c r="AT40" s="1"/>
      <c r="AU40" s="1"/>
      <c r="AV40" s="1"/>
      <c r="AW40" s="1"/>
      <c r="AX40" s="1"/>
      <c r="AY40" s="1"/>
      <c r="AZ40" s="1"/>
      <c r="BA40" s="1"/>
      <c r="BB40" s="1">
        <v>0.13</v>
      </c>
      <c r="BC40" s="1">
        <v>7.9</v>
      </c>
      <c r="BD40" s="1">
        <v>8</v>
      </c>
      <c r="BF40" s="1"/>
      <c r="BG40" s="1"/>
      <c r="BH40" s="1"/>
      <c r="BI40" s="1"/>
      <c r="BJ40" s="1"/>
      <c r="BK40" s="1"/>
      <c r="BL40" s="1"/>
      <c r="BM40" s="1" t="s">
        <v>900</v>
      </c>
      <c r="BN40" s="1">
        <v>0.82</v>
      </c>
      <c r="BO40" s="1">
        <v>44</v>
      </c>
      <c r="BP40" s="1">
        <v>42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72916666666666663</v>
      </c>
      <c r="C41" s="1" t="s">
        <v>855</v>
      </c>
      <c r="D41" s="1" t="s">
        <v>27</v>
      </c>
      <c r="E41" s="1" t="s">
        <v>28</v>
      </c>
      <c r="F41" s="1" t="s">
        <v>584</v>
      </c>
      <c r="G41" s="1" t="s">
        <v>305</v>
      </c>
      <c r="H41" s="1" t="s">
        <v>44</v>
      </c>
      <c r="I41" s="1" t="s">
        <v>479</v>
      </c>
      <c r="J41" s="1" t="s">
        <v>73</v>
      </c>
      <c r="K41" s="1" t="s">
        <v>703</v>
      </c>
      <c r="L41" s="1" t="s">
        <v>34</v>
      </c>
      <c r="N41" s="1" t="s">
        <v>35</v>
      </c>
      <c r="O41" s="1" t="s">
        <v>278</v>
      </c>
      <c r="P41" s="1" t="s">
        <v>37</v>
      </c>
      <c r="Q41" s="1" t="s">
        <v>171</v>
      </c>
      <c r="R41" s="1" t="s">
        <v>82</v>
      </c>
      <c r="S41" s="1" t="s">
        <v>408</v>
      </c>
      <c r="T41" s="1" t="s">
        <v>60</v>
      </c>
      <c r="U41" s="1">
        <v>10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45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5833333333333337</v>
      </c>
      <c r="C42" s="1" t="s">
        <v>855</v>
      </c>
      <c r="D42" s="1" t="s">
        <v>27</v>
      </c>
      <c r="E42" s="1" t="s">
        <v>28</v>
      </c>
      <c r="F42" s="1" t="s">
        <v>146</v>
      </c>
      <c r="G42" s="1" t="s">
        <v>130</v>
      </c>
      <c r="H42" s="1" t="s">
        <v>224</v>
      </c>
      <c r="I42" s="1" t="s">
        <v>704</v>
      </c>
      <c r="J42" s="1" t="s">
        <v>46</v>
      </c>
      <c r="K42" s="1" t="s">
        <v>228</v>
      </c>
      <c r="L42" s="1" t="s">
        <v>34</v>
      </c>
      <c r="N42" s="1" t="s">
        <v>35</v>
      </c>
      <c r="O42" s="1" t="s">
        <v>278</v>
      </c>
      <c r="P42" s="1" t="s">
        <v>37</v>
      </c>
      <c r="Q42" s="1" t="s">
        <v>145</v>
      </c>
      <c r="R42" s="1" t="s">
        <v>156</v>
      </c>
      <c r="S42" s="1" t="s">
        <v>408</v>
      </c>
      <c r="T42" s="1" t="s">
        <v>41</v>
      </c>
      <c r="U42" s="1">
        <v>7.5</v>
      </c>
      <c r="V42" s="1"/>
      <c r="W42" s="1"/>
      <c r="X42" s="1">
        <v>7.4</v>
      </c>
      <c r="Y42" s="1">
        <v>0.81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41</v>
      </c>
      <c r="BP42" s="1">
        <v>46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293</v>
      </c>
      <c r="B43" s="2">
        <v>0.20833333333333334</v>
      </c>
      <c r="C43" s="1" t="s">
        <v>855</v>
      </c>
      <c r="D43" s="1" t="s">
        <v>27</v>
      </c>
      <c r="E43" s="1" t="s">
        <v>28</v>
      </c>
      <c r="F43" s="1" t="s">
        <v>438</v>
      </c>
      <c r="G43" s="1" t="s">
        <v>705</v>
      </c>
      <c r="H43" s="1" t="s">
        <v>207</v>
      </c>
      <c r="I43" s="1" t="s">
        <v>706</v>
      </c>
      <c r="J43" s="1" t="s">
        <v>45</v>
      </c>
      <c r="K43" s="1" t="s">
        <v>205</v>
      </c>
      <c r="L43" s="1" t="s">
        <v>34</v>
      </c>
      <c r="N43" s="1" t="s">
        <v>35</v>
      </c>
      <c r="O43" s="1" t="s">
        <v>278</v>
      </c>
      <c r="P43" s="1" t="s">
        <v>37</v>
      </c>
      <c r="Q43" s="1" t="s">
        <v>191</v>
      </c>
      <c r="R43" s="1" t="s">
        <v>220</v>
      </c>
      <c r="S43" s="1" t="s">
        <v>394</v>
      </c>
      <c r="T43" s="1" t="s">
        <v>41</v>
      </c>
      <c r="U43" s="1">
        <v>7.1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44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295</v>
      </c>
      <c r="B44" s="2">
        <v>0.46527777777777773</v>
      </c>
      <c r="C44" s="1" t="s">
        <v>855</v>
      </c>
      <c r="D44" s="1" t="s">
        <v>85</v>
      </c>
      <c r="E44" s="1" t="s">
        <v>28</v>
      </c>
      <c r="F44" s="1" t="s">
        <v>361</v>
      </c>
      <c r="G44" s="1" t="s">
        <v>130</v>
      </c>
      <c r="H44" s="1" t="s">
        <v>150</v>
      </c>
      <c r="I44" s="1" t="s">
        <v>707</v>
      </c>
      <c r="J44" s="1" t="s">
        <v>45</v>
      </c>
      <c r="K44" s="1" t="s">
        <v>352</v>
      </c>
      <c r="L44" s="1" t="s">
        <v>34</v>
      </c>
      <c r="N44" s="1" t="s">
        <v>35</v>
      </c>
      <c r="O44" s="1" t="s">
        <v>278</v>
      </c>
      <c r="P44" s="1" t="s">
        <v>37</v>
      </c>
      <c r="Q44" s="1" t="s">
        <v>394</v>
      </c>
      <c r="R44" s="1" t="s">
        <v>328</v>
      </c>
      <c r="S44" s="1" t="s">
        <v>288</v>
      </c>
      <c r="T44" s="1" t="s">
        <v>68</v>
      </c>
      <c r="U44" s="1">
        <v>7.1</v>
      </c>
      <c r="V44" s="4">
        <v>11000</v>
      </c>
      <c r="W44" s="1" t="s">
        <v>887</v>
      </c>
      <c r="X44" s="1">
        <v>9.1999999999999993</v>
      </c>
      <c r="Y44" s="1">
        <v>1</v>
      </c>
      <c r="Z44" s="1">
        <v>3.3000000000000002E-2</v>
      </c>
      <c r="AA44" t="s">
        <v>926</v>
      </c>
      <c r="AB44" t="s">
        <v>957</v>
      </c>
      <c r="AC44" s="1" t="s">
        <v>881</v>
      </c>
      <c r="AD44" s="1" t="s">
        <v>882</v>
      </c>
      <c r="AE44" s="1" t="s">
        <v>883</v>
      </c>
      <c r="AF44" s="1" t="s">
        <v>884</v>
      </c>
      <c r="AG44" s="1" t="s">
        <v>883</v>
      </c>
      <c r="AH44" s="1" t="s">
        <v>883</v>
      </c>
      <c r="AI44" s="1"/>
      <c r="AJ44" s="1"/>
      <c r="AK44" s="1" t="s">
        <v>888</v>
      </c>
      <c r="AL44" s="1" t="s">
        <v>888</v>
      </c>
      <c r="AM44" s="1" t="s">
        <v>888</v>
      </c>
      <c r="AN44" s="1" t="s">
        <v>888</v>
      </c>
      <c r="AO44" s="1" t="s">
        <v>888</v>
      </c>
      <c r="AP44" t="s">
        <v>888</v>
      </c>
      <c r="AQ44" s="1" t="s">
        <v>888</v>
      </c>
      <c r="AR44" s="1" t="s">
        <v>888</v>
      </c>
      <c r="AS44" s="1" t="s">
        <v>888</v>
      </c>
      <c r="AT44" s="1" t="s">
        <v>896</v>
      </c>
      <c r="AU44" s="1"/>
      <c r="AV44" s="1"/>
      <c r="AW44" s="1"/>
      <c r="AX44" s="1" t="s">
        <v>888</v>
      </c>
      <c r="AY44" s="1" t="s">
        <v>883</v>
      </c>
      <c r="AZ44" s="1" t="s">
        <v>893</v>
      </c>
      <c r="BA44" s="1">
        <v>6.0999999999999999E-2</v>
      </c>
      <c r="BB44" s="1">
        <v>0.16</v>
      </c>
      <c r="BC44" s="1">
        <v>7.9</v>
      </c>
      <c r="BD44" s="1">
        <v>8</v>
      </c>
      <c r="BF44" s="1" t="s">
        <v>885</v>
      </c>
      <c r="BG44" s="1">
        <v>5.0000000000000001E-3</v>
      </c>
      <c r="BH44" s="1">
        <v>0.03</v>
      </c>
      <c r="BI44" s="1" t="s">
        <v>882</v>
      </c>
      <c r="BJ44" s="1"/>
      <c r="BK44" s="1"/>
      <c r="BL44" s="1" t="s">
        <v>889</v>
      </c>
      <c r="BM44" s="1">
        <v>0.08</v>
      </c>
      <c r="BN44" s="1">
        <v>1</v>
      </c>
      <c r="BO44" s="1">
        <v>40</v>
      </c>
      <c r="BP44" s="1">
        <v>43</v>
      </c>
      <c r="BQ44" s="1"/>
      <c r="BR44" s="1" t="s">
        <v>901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71527777777777779</v>
      </c>
      <c r="C45" s="1" t="s">
        <v>855</v>
      </c>
      <c r="D45" s="1" t="s">
        <v>85</v>
      </c>
      <c r="E45" s="1" t="s">
        <v>28</v>
      </c>
      <c r="F45" s="1" t="s">
        <v>186</v>
      </c>
      <c r="G45" s="1" t="s">
        <v>30</v>
      </c>
      <c r="H45" s="1" t="s">
        <v>309</v>
      </c>
      <c r="I45" s="1" t="s">
        <v>708</v>
      </c>
      <c r="J45" s="1" t="s">
        <v>63</v>
      </c>
      <c r="K45" s="1" t="s">
        <v>258</v>
      </c>
      <c r="L45" s="1" t="s">
        <v>34</v>
      </c>
      <c r="N45" s="1" t="s">
        <v>35</v>
      </c>
      <c r="O45" s="1" t="s">
        <v>278</v>
      </c>
      <c r="P45" s="1" t="s">
        <v>37</v>
      </c>
      <c r="Q45" s="1" t="s">
        <v>171</v>
      </c>
      <c r="R45" s="1" t="s">
        <v>109</v>
      </c>
      <c r="S45" s="1" t="s">
        <v>171</v>
      </c>
      <c r="T45" s="1" t="s">
        <v>286</v>
      </c>
      <c r="U45" s="1">
        <v>9.8000000000000007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42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5833333333333337</v>
      </c>
      <c r="C46" s="1" t="s">
        <v>855</v>
      </c>
      <c r="D46" s="1" t="s">
        <v>85</v>
      </c>
      <c r="E46" s="1" t="s">
        <v>28</v>
      </c>
      <c r="F46" s="1" t="s">
        <v>348</v>
      </c>
      <c r="G46" s="1" t="s">
        <v>117</v>
      </c>
      <c r="H46" s="1" t="s">
        <v>45</v>
      </c>
      <c r="I46" s="1" t="s">
        <v>709</v>
      </c>
      <c r="J46" s="1" t="s">
        <v>160</v>
      </c>
      <c r="K46" s="1" t="s">
        <v>339</v>
      </c>
      <c r="L46" s="1" t="s">
        <v>34</v>
      </c>
      <c r="N46" s="1" t="s">
        <v>35</v>
      </c>
      <c r="O46" s="1" t="s">
        <v>278</v>
      </c>
      <c r="P46" s="1" t="s">
        <v>37</v>
      </c>
      <c r="Q46" s="1" t="s">
        <v>145</v>
      </c>
      <c r="R46" s="1" t="s">
        <v>328</v>
      </c>
      <c r="S46" s="1" t="s">
        <v>186</v>
      </c>
      <c r="T46" s="1" t="s">
        <v>68</v>
      </c>
      <c r="U46" s="1">
        <v>8.4</v>
      </c>
      <c r="V46" s="1"/>
      <c r="W46" s="1"/>
      <c r="X46" s="1">
        <v>7.5</v>
      </c>
      <c r="Y46" s="1">
        <v>0.99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41</v>
      </c>
      <c r="BP46" s="1">
        <v>41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298</v>
      </c>
      <c r="B47" s="2">
        <v>0.20833333333333334</v>
      </c>
      <c r="C47" s="1" t="s">
        <v>855</v>
      </c>
      <c r="D47" s="1" t="s">
        <v>85</v>
      </c>
      <c r="E47" s="1" t="s">
        <v>28</v>
      </c>
      <c r="F47" s="1" t="s">
        <v>59</v>
      </c>
      <c r="G47" s="1" t="s">
        <v>710</v>
      </c>
      <c r="H47" s="1" t="s">
        <v>160</v>
      </c>
      <c r="I47" s="1" t="s">
        <v>593</v>
      </c>
      <c r="J47" s="1" t="s">
        <v>72</v>
      </c>
      <c r="K47" s="1" t="s">
        <v>223</v>
      </c>
      <c r="L47" s="1" t="s">
        <v>34</v>
      </c>
      <c r="N47" s="1" t="s">
        <v>35</v>
      </c>
      <c r="O47" s="1" t="s">
        <v>278</v>
      </c>
      <c r="P47" s="1" t="s">
        <v>37</v>
      </c>
      <c r="Q47" s="1" t="s">
        <v>296</v>
      </c>
      <c r="R47" s="1" t="s">
        <v>173</v>
      </c>
      <c r="S47" s="1" t="s">
        <v>171</v>
      </c>
      <c r="T47" s="1" t="s">
        <v>68</v>
      </c>
      <c r="U47" s="1">
        <v>6.9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43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8</v>
      </c>
      <c r="B48" s="2">
        <v>0.45833333333333331</v>
      </c>
      <c r="C48" s="1" t="s">
        <v>855</v>
      </c>
      <c r="D48" s="1" t="s">
        <v>85</v>
      </c>
      <c r="E48" s="1" t="s">
        <v>857</v>
      </c>
      <c r="F48" s="1" t="s">
        <v>711</v>
      </c>
      <c r="G48" s="1" t="s">
        <v>176</v>
      </c>
      <c r="H48" s="1" t="s">
        <v>258</v>
      </c>
      <c r="I48" s="1" t="s">
        <v>712</v>
      </c>
      <c r="J48" s="1" t="s">
        <v>63</v>
      </c>
      <c r="K48" s="1" t="s">
        <v>331</v>
      </c>
      <c r="L48" s="1" t="s">
        <v>34</v>
      </c>
      <c r="N48" s="1" t="s">
        <v>35</v>
      </c>
      <c r="O48" s="1" t="s">
        <v>278</v>
      </c>
      <c r="P48" s="1" t="s">
        <v>37</v>
      </c>
      <c r="Q48" s="1" t="s">
        <v>191</v>
      </c>
      <c r="R48" s="1" t="s">
        <v>82</v>
      </c>
      <c r="S48" s="1" t="s">
        <v>288</v>
      </c>
      <c r="T48" s="1" t="s">
        <v>174</v>
      </c>
      <c r="U48" s="1">
        <v>8.1999999999999993</v>
      </c>
      <c r="V48" s="4">
        <v>33000</v>
      </c>
      <c r="W48" s="1"/>
      <c r="X48" s="1">
        <v>6.1</v>
      </c>
      <c r="Y48" s="1">
        <v>1</v>
      </c>
      <c r="Z48" s="1"/>
      <c r="AC48" s="1" t="s">
        <v>881</v>
      </c>
      <c r="AD48" s="1" t="s">
        <v>882</v>
      </c>
      <c r="AE48" s="1" t="s">
        <v>883</v>
      </c>
      <c r="AF48" s="1" t="s">
        <v>884</v>
      </c>
      <c r="AG48" s="1">
        <v>5.0000000000000001E-4</v>
      </c>
      <c r="AH48" s="1" t="s">
        <v>883</v>
      </c>
      <c r="AI48" s="1"/>
      <c r="AJ48" s="1"/>
      <c r="AK48" s="1"/>
      <c r="AL48" s="1" t="s">
        <v>888</v>
      </c>
      <c r="AM48" s="1"/>
      <c r="AN48" s="1"/>
      <c r="AO48" s="1"/>
      <c r="AP48" t="s">
        <v>888</v>
      </c>
      <c r="AQ48" s="1"/>
      <c r="AR48" s="1" t="s">
        <v>888</v>
      </c>
      <c r="AS48" s="1" t="s">
        <v>888</v>
      </c>
      <c r="AT48" s="1"/>
      <c r="AU48" s="1" t="s">
        <v>883</v>
      </c>
      <c r="AV48" s="1" t="s">
        <v>881</v>
      </c>
      <c r="AW48" s="1" t="s">
        <v>883</v>
      </c>
      <c r="AX48" s="1"/>
      <c r="AY48" s="1"/>
      <c r="AZ48" s="1"/>
      <c r="BA48" s="1"/>
      <c r="BB48" s="1">
        <v>0.11</v>
      </c>
      <c r="BC48" s="1">
        <v>5.4</v>
      </c>
      <c r="BD48" s="1">
        <v>5.5</v>
      </c>
      <c r="BF48" s="1"/>
      <c r="BG48" s="1"/>
      <c r="BH48" s="1"/>
      <c r="BI48" s="1"/>
      <c r="BJ48" s="1"/>
      <c r="BK48" s="1"/>
      <c r="BL48" s="1"/>
      <c r="BM48" s="1" t="s">
        <v>900</v>
      </c>
      <c r="BN48" s="1">
        <v>0.98</v>
      </c>
      <c r="BO48" s="1">
        <v>38</v>
      </c>
      <c r="BP48" s="1">
        <v>35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70833333333333337</v>
      </c>
      <c r="C49" s="1" t="s">
        <v>855</v>
      </c>
      <c r="D49" s="1" t="s">
        <v>85</v>
      </c>
      <c r="E49" s="1" t="s">
        <v>857</v>
      </c>
      <c r="F49" s="1" t="s">
        <v>30</v>
      </c>
      <c r="G49" s="1" t="s">
        <v>42</v>
      </c>
      <c r="H49" s="1" t="s">
        <v>73</v>
      </c>
      <c r="I49" s="1" t="s">
        <v>713</v>
      </c>
      <c r="J49" s="1" t="s">
        <v>73</v>
      </c>
      <c r="K49" s="1" t="s">
        <v>670</v>
      </c>
      <c r="L49" s="1" t="s">
        <v>34</v>
      </c>
      <c r="N49" s="1" t="s">
        <v>35</v>
      </c>
      <c r="O49" s="1" t="s">
        <v>278</v>
      </c>
      <c r="P49" s="1" t="s">
        <v>37</v>
      </c>
      <c r="Q49" s="1" t="s">
        <v>186</v>
      </c>
      <c r="R49" s="1" t="s">
        <v>49</v>
      </c>
      <c r="S49" s="1" t="s">
        <v>314</v>
      </c>
      <c r="T49" s="1" t="s">
        <v>68</v>
      </c>
      <c r="U49" s="1">
        <v>9.1999999999999993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38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5833333333333337</v>
      </c>
      <c r="C50" s="1" t="s">
        <v>855</v>
      </c>
      <c r="D50" s="1" t="s">
        <v>164</v>
      </c>
      <c r="E50" s="1" t="s">
        <v>857</v>
      </c>
      <c r="F50" s="1" t="s">
        <v>404</v>
      </c>
      <c r="G50" s="1" t="s">
        <v>324</v>
      </c>
      <c r="H50" s="1" t="s">
        <v>208</v>
      </c>
      <c r="I50" s="1" t="s">
        <v>510</v>
      </c>
      <c r="J50" s="1" t="s">
        <v>44</v>
      </c>
      <c r="K50" s="1" t="s">
        <v>254</v>
      </c>
      <c r="L50" s="1" t="s">
        <v>34</v>
      </c>
      <c r="N50" s="1" t="s">
        <v>35</v>
      </c>
      <c r="O50" s="1" t="s">
        <v>278</v>
      </c>
      <c r="P50" s="1" t="s">
        <v>37</v>
      </c>
      <c r="Q50" s="1" t="s">
        <v>191</v>
      </c>
      <c r="R50" s="1" t="s">
        <v>109</v>
      </c>
      <c r="S50" s="1" t="s">
        <v>378</v>
      </c>
      <c r="T50" s="1" t="s">
        <v>286</v>
      </c>
      <c r="U50" s="1">
        <v>7.5</v>
      </c>
      <c r="V50" s="1"/>
      <c r="W50" s="1"/>
      <c r="X50" s="1">
        <v>6.1</v>
      </c>
      <c r="Y50" s="1">
        <v>0.88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37</v>
      </c>
      <c r="BP50" s="1">
        <v>37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06</v>
      </c>
      <c r="B51" s="2">
        <v>0.20833333333333334</v>
      </c>
      <c r="C51" s="1" t="s">
        <v>855</v>
      </c>
      <c r="D51" s="1" t="s">
        <v>164</v>
      </c>
      <c r="E51" s="1" t="s">
        <v>857</v>
      </c>
      <c r="F51" s="1" t="s">
        <v>134</v>
      </c>
      <c r="G51" s="1" t="s">
        <v>117</v>
      </c>
      <c r="H51" s="1" t="s">
        <v>258</v>
      </c>
      <c r="I51" s="1" t="s">
        <v>714</v>
      </c>
      <c r="J51" s="1" t="s">
        <v>132</v>
      </c>
      <c r="K51" s="1" t="s">
        <v>715</v>
      </c>
      <c r="L51" s="1" t="s">
        <v>95</v>
      </c>
      <c r="N51" s="1" t="s">
        <v>35</v>
      </c>
      <c r="O51" s="1" t="s">
        <v>278</v>
      </c>
      <c r="P51" s="1" t="s">
        <v>37</v>
      </c>
      <c r="Q51" s="1" t="s">
        <v>191</v>
      </c>
      <c r="R51" s="1" t="s">
        <v>303</v>
      </c>
      <c r="S51" s="1" t="s">
        <v>145</v>
      </c>
      <c r="T51" s="1" t="s">
        <v>182</v>
      </c>
      <c r="U51" s="1">
        <v>7.9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32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  <row r="708" spans="21:21" x14ac:dyDescent="0.15">
      <c r="U708" s="1"/>
    </row>
    <row r="709" spans="21:21" x14ac:dyDescent="0.15">
      <c r="U709" s="1"/>
    </row>
    <row r="710" spans="21:21" x14ac:dyDescent="0.15">
      <c r="U710" s="1"/>
    </row>
    <row r="711" spans="21:21" x14ac:dyDescent="0.15">
      <c r="U711" s="1"/>
    </row>
    <row r="712" spans="21:21" x14ac:dyDescent="0.15">
      <c r="U712" s="1"/>
    </row>
    <row r="713" spans="21:21" x14ac:dyDescent="0.15">
      <c r="U713" s="1"/>
    </row>
    <row r="714" spans="21:21" x14ac:dyDescent="0.15">
      <c r="U714" s="1"/>
    </row>
    <row r="715" spans="21:21" x14ac:dyDescent="0.15">
      <c r="U715" s="1"/>
    </row>
    <row r="716" spans="21:21" x14ac:dyDescent="0.15">
      <c r="U716" s="1"/>
    </row>
    <row r="717" spans="21:21" x14ac:dyDescent="0.15">
      <c r="U717" s="1"/>
    </row>
    <row r="718" spans="21:21" x14ac:dyDescent="0.15">
      <c r="U718" s="1"/>
    </row>
    <row r="719" spans="21:21" x14ac:dyDescent="0.15">
      <c r="U719" s="1"/>
    </row>
    <row r="720" spans="21:21" x14ac:dyDescent="0.15">
      <c r="U720" s="1"/>
    </row>
    <row r="721" spans="21:21" x14ac:dyDescent="0.15">
      <c r="U721" s="1"/>
    </row>
    <row r="722" spans="21:21" x14ac:dyDescent="0.15">
      <c r="U722" s="1"/>
    </row>
    <row r="723" spans="21:21" x14ac:dyDescent="0.15">
      <c r="U723" s="1"/>
    </row>
    <row r="724" spans="21:21" x14ac:dyDescent="0.15">
      <c r="U724" s="1"/>
    </row>
    <row r="725" spans="21:21" x14ac:dyDescent="0.15">
      <c r="U725" s="1"/>
    </row>
    <row r="726" spans="21:21" x14ac:dyDescent="0.15">
      <c r="U726" s="1"/>
    </row>
    <row r="727" spans="21:21" x14ac:dyDescent="0.15">
      <c r="U727" s="1"/>
    </row>
    <row r="728" spans="21:21" x14ac:dyDescent="0.15">
      <c r="U728" s="1"/>
    </row>
    <row r="729" spans="21:21" x14ac:dyDescent="0.15">
      <c r="U729" s="1"/>
    </row>
    <row r="730" spans="21:21" x14ac:dyDescent="0.15">
      <c r="U730" s="1"/>
    </row>
    <row r="731" spans="21:21" x14ac:dyDescent="0.15">
      <c r="U731" s="1"/>
    </row>
    <row r="732" spans="21:21" x14ac:dyDescent="0.15">
      <c r="U732" s="1"/>
    </row>
    <row r="733" spans="21:21" x14ac:dyDescent="0.15">
      <c r="U733" s="1"/>
    </row>
    <row r="734" spans="21:21" x14ac:dyDescent="0.15">
      <c r="U734" s="1"/>
    </row>
    <row r="735" spans="21:21" x14ac:dyDescent="0.15">
      <c r="U735" s="1"/>
    </row>
    <row r="736" spans="21:21" x14ac:dyDescent="0.15">
      <c r="U736" s="1"/>
    </row>
    <row r="737" spans="21:21" x14ac:dyDescent="0.15">
      <c r="U737" s="1"/>
    </row>
    <row r="738" spans="21:21" x14ac:dyDescent="0.15">
      <c r="U738" s="1"/>
    </row>
    <row r="739" spans="21:21" x14ac:dyDescent="0.15">
      <c r="U739" s="1"/>
    </row>
    <row r="740" spans="21:21" x14ac:dyDescent="0.15">
      <c r="U740" s="1"/>
    </row>
    <row r="741" spans="21:21" x14ac:dyDescent="0.15">
      <c r="U741" s="1"/>
    </row>
    <row r="742" spans="21:21" x14ac:dyDescent="0.15">
      <c r="U742" s="1"/>
    </row>
    <row r="747" spans="21:21" x14ac:dyDescent="0.15">
      <c r="U747" s="1"/>
    </row>
    <row r="748" spans="21:21" x14ac:dyDescent="0.15">
      <c r="U748" s="1"/>
    </row>
    <row r="749" spans="21:21" x14ac:dyDescent="0.15">
      <c r="U749" s="1"/>
    </row>
    <row r="750" spans="21:21" x14ac:dyDescent="0.15">
      <c r="U750" s="1"/>
    </row>
    <row r="751" spans="21:21" x14ac:dyDescent="0.15">
      <c r="U751" s="1"/>
    </row>
    <row r="752" spans="21:21" x14ac:dyDescent="0.15">
      <c r="U752" s="1"/>
    </row>
    <row r="753" spans="21:21" x14ac:dyDescent="0.15">
      <c r="U753" s="1"/>
    </row>
    <row r="754" spans="21:21" x14ac:dyDescent="0.15">
      <c r="U754" s="1"/>
    </row>
    <row r="755" spans="21:21" x14ac:dyDescent="0.15">
      <c r="U755" s="1"/>
    </row>
    <row r="756" spans="21:21" x14ac:dyDescent="0.15">
      <c r="U756" s="1"/>
    </row>
    <row r="757" spans="21:21" x14ac:dyDescent="0.15">
      <c r="U757" s="1"/>
    </row>
    <row r="758" spans="21:21" x14ac:dyDescent="0.15">
      <c r="U758" s="1"/>
    </row>
    <row r="759" spans="21:21" x14ac:dyDescent="0.15">
      <c r="U759" s="1"/>
    </row>
    <row r="760" spans="21:21" x14ac:dyDescent="0.15">
      <c r="U760" s="1"/>
    </row>
    <row r="761" spans="21:21" x14ac:dyDescent="0.15">
      <c r="U761" s="1"/>
    </row>
    <row r="762" spans="21:21" x14ac:dyDescent="0.15">
      <c r="U762" s="1"/>
    </row>
    <row r="763" spans="21:21" x14ac:dyDescent="0.15">
      <c r="U763" s="1"/>
    </row>
    <row r="764" spans="21:21" x14ac:dyDescent="0.15">
      <c r="U764" s="1"/>
    </row>
    <row r="765" spans="21:21" x14ac:dyDescent="0.15">
      <c r="U765" s="1"/>
    </row>
    <row r="766" spans="21:21" x14ac:dyDescent="0.15">
      <c r="U766" s="1"/>
    </row>
    <row r="767" spans="21:21" x14ac:dyDescent="0.15">
      <c r="U767" s="1"/>
    </row>
    <row r="768" spans="21:21" x14ac:dyDescent="0.15">
      <c r="U768" s="1"/>
    </row>
    <row r="769" spans="21:21" x14ac:dyDescent="0.15">
      <c r="U769" s="1"/>
    </row>
    <row r="770" spans="21:21" x14ac:dyDescent="0.15">
      <c r="U770" s="1"/>
    </row>
    <row r="771" spans="21:21" x14ac:dyDescent="0.15">
      <c r="U771" s="1"/>
    </row>
    <row r="776" spans="21:21" x14ac:dyDescent="0.15">
      <c r="U776" s="1"/>
    </row>
    <row r="777" spans="21:21" x14ac:dyDescent="0.15">
      <c r="U777" s="1"/>
    </row>
    <row r="778" spans="21:21" x14ac:dyDescent="0.15">
      <c r="U778" s="1"/>
    </row>
    <row r="779" spans="21:21" x14ac:dyDescent="0.15">
      <c r="U779" s="1"/>
    </row>
    <row r="780" spans="21:21" x14ac:dyDescent="0.15">
      <c r="U780" s="1"/>
    </row>
    <row r="781" spans="21:21" x14ac:dyDescent="0.15">
      <c r="U781" s="1"/>
    </row>
    <row r="782" spans="21:21" x14ac:dyDescent="0.15">
      <c r="U782" s="1"/>
    </row>
    <row r="783" spans="21:21" x14ac:dyDescent="0.15">
      <c r="U783" s="1"/>
    </row>
    <row r="784" spans="21:21" x14ac:dyDescent="0.15">
      <c r="U784" s="1"/>
    </row>
    <row r="785" spans="21:21" x14ac:dyDescent="0.15">
      <c r="U785" s="1"/>
    </row>
    <row r="786" spans="21:21" x14ac:dyDescent="0.15">
      <c r="U786" s="1"/>
    </row>
    <row r="787" spans="21:21" x14ac:dyDescent="0.15">
      <c r="U787" s="1"/>
    </row>
    <row r="788" spans="21:21" x14ac:dyDescent="0.15">
      <c r="U788" s="1"/>
    </row>
    <row r="789" spans="21:21" x14ac:dyDescent="0.15">
      <c r="U789" s="1"/>
    </row>
    <row r="790" spans="21:21" x14ac:dyDescent="0.15">
      <c r="U790" s="1"/>
    </row>
    <row r="791" spans="21:21" x14ac:dyDescent="0.15">
      <c r="U791" s="1"/>
    </row>
    <row r="792" spans="21:21" x14ac:dyDescent="0.15">
      <c r="U792" s="1"/>
    </row>
    <row r="793" spans="21:21" x14ac:dyDescent="0.15">
      <c r="U793" s="1"/>
    </row>
    <row r="794" spans="21:21" x14ac:dyDescent="0.15">
      <c r="U794" s="1"/>
    </row>
    <row r="795" spans="21:21" x14ac:dyDescent="0.15">
      <c r="U795" s="1"/>
    </row>
    <row r="796" spans="21:21" x14ac:dyDescent="0.15">
      <c r="U796" s="1"/>
    </row>
    <row r="797" spans="21:21" x14ac:dyDescent="0.15">
      <c r="U797" s="1"/>
    </row>
    <row r="798" spans="21:21" x14ac:dyDescent="0.15">
      <c r="U798" s="1"/>
    </row>
    <row r="799" spans="21:21" x14ac:dyDescent="0.15">
      <c r="U799" s="1"/>
    </row>
    <row r="800" spans="21:21" x14ac:dyDescent="0.15">
      <c r="U800" s="1"/>
    </row>
    <row r="801" spans="21:21" x14ac:dyDescent="0.15">
      <c r="U801" s="1"/>
    </row>
    <row r="802" spans="21:21" x14ac:dyDescent="0.15">
      <c r="U802" s="1"/>
    </row>
    <row r="803" spans="21:21" x14ac:dyDescent="0.15">
      <c r="U803" s="1"/>
    </row>
    <row r="804" spans="21:21" x14ac:dyDescent="0.15">
      <c r="U804" s="1"/>
    </row>
    <row r="805" spans="21:21" x14ac:dyDescent="0.15">
      <c r="U805" s="1"/>
    </row>
    <row r="806" spans="21:21" x14ac:dyDescent="0.15">
      <c r="U806" s="1"/>
    </row>
    <row r="807" spans="21:21" x14ac:dyDescent="0.15">
      <c r="U807" s="1"/>
    </row>
    <row r="808" spans="21:21" x14ac:dyDescent="0.15">
      <c r="U808" s="1"/>
    </row>
    <row r="809" spans="21:21" x14ac:dyDescent="0.15">
      <c r="U809" s="1"/>
    </row>
    <row r="810" spans="21:21" x14ac:dyDescent="0.15">
      <c r="U810" s="1"/>
    </row>
    <row r="811" spans="21:21" x14ac:dyDescent="0.15">
      <c r="U811" s="1"/>
    </row>
    <row r="812" spans="21:21" x14ac:dyDescent="0.15">
      <c r="U812" s="1"/>
    </row>
    <row r="813" spans="21:21" x14ac:dyDescent="0.15">
      <c r="U813" s="1"/>
    </row>
    <row r="814" spans="21:21" x14ac:dyDescent="0.15">
      <c r="U814" s="1"/>
    </row>
    <row r="815" spans="21:21" x14ac:dyDescent="0.15">
      <c r="U815" s="1"/>
    </row>
    <row r="816" spans="21:21" x14ac:dyDescent="0.15">
      <c r="U816" s="1"/>
    </row>
    <row r="817" spans="21:21" x14ac:dyDescent="0.15">
      <c r="U817" s="1"/>
    </row>
    <row r="818" spans="21:21" x14ac:dyDescent="0.15">
      <c r="U818" s="1"/>
    </row>
    <row r="819" spans="21:21" x14ac:dyDescent="0.15">
      <c r="U819" s="1"/>
    </row>
    <row r="820" spans="21:21" x14ac:dyDescent="0.15">
      <c r="U820" s="1"/>
    </row>
    <row r="821" spans="21:21" x14ac:dyDescent="0.15">
      <c r="U821" s="1"/>
    </row>
    <row r="822" spans="21:21" x14ac:dyDescent="0.15">
      <c r="U822" s="1"/>
    </row>
    <row r="823" spans="21:21" x14ac:dyDescent="0.15">
      <c r="U823" s="1"/>
    </row>
    <row r="824" spans="21:21" x14ac:dyDescent="0.15">
      <c r="U824" s="1"/>
    </row>
    <row r="829" spans="21:21" x14ac:dyDescent="0.15">
      <c r="U829" s="1"/>
    </row>
    <row r="830" spans="21:21" x14ac:dyDescent="0.15">
      <c r="U830" s="1"/>
    </row>
    <row r="831" spans="21:21" x14ac:dyDescent="0.15">
      <c r="U831" s="1"/>
    </row>
    <row r="832" spans="21:21" x14ac:dyDescent="0.15">
      <c r="U832" s="1"/>
    </row>
    <row r="833" spans="21:21" x14ac:dyDescent="0.15">
      <c r="U833" s="1"/>
    </row>
    <row r="834" spans="21:21" x14ac:dyDescent="0.15">
      <c r="U834" s="1"/>
    </row>
    <row r="835" spans="21:21" x14ac:dyDescent="0.15">
      <c r="U835" s="1"/>
    </row>
    <row r="836" spans="21:21" x14ac:dyDescent="0.15">
      <c r="U836" s="1"/>
    </row>
    <row r="837" spans="21:21" x14ac:dyDescent="0.15">
      <c r="U837" s="1"/>
    </row>
    <row r="838" spans="21:21" x14ac:dyDescent="0.15">
      <c r="U838" s="1"/>
    </row>
    <row r="839" spans="21:21" x14ac:dyDescent="0.15">
      <c r="U839" s="1"/>
    </row>
    <row r="840" spans="21:21" x14ac:dyDescent="0.15">
      <c r="U840" s="1"/>
    </row>
    <row r="841" spans="21:21" x14ac:dyDescent="0.15">
      <c r="U841" s="1"/>
    </row>
    <row r="842" spans="21:21" x14ac:dyDescent="0.15">
      <c r="U842" s="1"/>
    </row>
    <row r="843" spans="21:21" x14ac:dyDescent="0.15">
      <c r="U843" s="1"/>
    </row>
    <row r="844" spans="21:21" x14ac:dyDescent="0.15">
      <c r="U844" s="1"/>
    </row>
    <row r="845" spans="21:21" x14ac:dyDescent="0.15">
      <c r="U845" s="1"/>
    </row>
    <row r="846" spans="21:21" x14ac:dyDescent="0.15">
      <c r="U846" s="1"/>
    </row>
    <row r="847" spans="21:21" x14ac:dyDescent="0.15">
      <c r="U847" s="1"/>
    </row>
    <row r="848" spans="21:21" x14ac:dyDescent="0.15">
      <c r="U848" s="1"/>
    </row>
    <row r="849" spans="21:21" x14ac:dyDescent="0.15">
      <c r="U849" s="1"/>
    </row>
    <row r="850" spans="21:21" x14ac:dyDescent="0.15">
      <c r="U850" s="1"/>
    </row>
    <row r="851" spans="21:21" x14ac:dyDescent="0.15">
      <c r="U851" s="1"/>
    </row>
    <row r="852" spans="21:21" x14ac:dyDescent="0.15">
      <c r="U852" s="1"/>
    </row>
    <row r="853" spans="21:21" x14ac:dyDescent="0.15">
      <c r="U853" s="1"/>
    </row>
    <row r="854" spans="21:21" x14ac:dyDescent="0.15">
      <c r="U854" s="1"/>
    </row>
    <row r="855" spans="21:21" x14ac:dyDescent="0.15">
      <c r="U855" s="1"/>
    </row>
    <row r="856" spans="21:21" x14ac:dyDescent="0.15">
      <c r="U856" s="1"/>
    </row>
    <row r="857" spans="21:21" x14ac:dyDescent="0.15">
      <c r="U857" s="1"/>
    </row>
    <row r="858" spans="21:21" x14ac:dyDescent="0.15">
      <c r="U858" s="1"/>
    </row>
    <row r="859" spans="21:21" x14ac:dyDescent="0.15">
      <c r="U859" s="1"/>
    </row>
    <row r="860" spans="21:21" x14ac:dyDescent="0.15">
      <c r="U860" s="1"/>
    </row>
    <row r="861" spans="21:21" x14ac:dyDescent="0.15">
      <c r="U861" s="1"/>
    </row>
    <row r="862" spans="21:21" x14ac:dyDescent="0.15">
      <c r="U862" s="1"/>
    </row>
    <row r="863" spans="21:21" x14ac:dyDescent="0.15">
      <c r="U863" s="1"/>
    </row>
    <row r="864" spans="21:21" x14ac:dyDescent="0.15">
      <c r="U864" s="1"/>
    </row>
    <row r="865" spans="21:21" x14ac:dyDescent="0.15">
      <c r="U865" s="1"/>
    </row>
    <row r="866" spans="21:21" x14ac:dyDescent="0.15">
      <c r="U866" s="1"/>
    </row>
    <row r="867" spans="21:21" x14ac:dyDescent="0.15">
      <c r="U867" s="1"/>
    </row>
    <row r="868" spans="21:21" x14ac:dyDescent="0.15">
      <c r="U868" s="1"/>
    </row>
    <row r="869" spans="21:21" x14ac:dyDescent="0.15">
      <c r="U869" s="1"/>
    </row>
    <row r="870" spans="21:21" x14ac:dyDescent="0.15">
      <c r="U870" s="1"/>
    </row>
    <row r="871" spans="21:21" x14ac:dyDescent="0.15">
      <c r="U871" s="1"/>
    </row>
    <row r="872" spans="21:21" x14ac:dyDescent="0.15">
      <c r="U872" s="1"/>
    </row>
    <row r="873" spans="21:21" x14ac:dyDescent="0.15">
      <c r="U873" s="1"/>
    </row>
    <row r="874" spans="21:21" x14ac:dyDescent="0.15">
      <c r="U874" s="1"/>
    </row>
    <row r="875" spans="21:21" x14ac:dyDescent="0.15">
      <c r="U875" s="1"/>
    </row>
    <row r="876" spans="21:21" x14ac:dyDescent="0.15">
      <c r="U876" s="1"/>
    </row>
    <row r="877" spans="21:21" x14ac:dyDescent="0.15">
      <c r="U877" s="1"/>
    </row>
    <row r="882" spans="21:21" x14ac:dyDescent="0.15">
      <c r="U882" s="1"/>
    </row>
    <row r="883" spans="21:21" x14ac:dyDescent="0.15">
      <c r="U883" s="1"/>
    </row>
    <row r="884" spans="21:21" x14ac:dyDescent="0.15">
      <c r="U884" s="1"/>
    </row>
    <row r="885" spans="21:21" x14ac:dyDescent="0.15">
      <c r="U885" s="1"/>
    </row>
    <row r="886" spans="21:21" x14ac:dyDescent="0.15">
      <c r="U886" s="1"/>
    </row>
    <row r="887" spans="21:21" x14ac:dyDescent="0.15">
      <c r="U887" s="1"/>
    </row>
    <row r="888" spans="21:21" x14ac:dyDescent="0.15">
      <c r="U888" s="1"/>
    </row>
    <row r="889" spans="21:21" x14ac:dyDescent="0.15">
      <c r="U889" s="1"/>
    </row>
    <row r="890" spans="21:21" x14ac:dyDescent="0.15">
      <c r="U890" s="1"/>
    </row>
    <row r="891" spans="21:21" x14ac:dyDescent="0.15">
      <c r="U891" s="1"/>
    </row>
    <row r="892" spans="21:21" x14ac:dyDescent="0.15">
      <c r="U892" s="1"/>
    </row>
    <row r="893" spans="21:21" x14ac:dyDescent="0.15">
      <c r="U893" s="1"/>
    </row>
    <row r="894" spans="21:21" x14ac:dyDescent="0.15">
      <c r="U894" s="1"/>
    </row>
    <row r="895" spans="21:21" x14ac:dyDescent="0.15">
      <c r="U895" s="1"/>
    </row>
    <row r="896" spans="21:21" x14ac:dyDescent="0.15">
      <c r="U896" s="1"/>
    </row>
    <row r="897" spans="21:21" x14ac:dyDescent="0.15">
      <c r="U897" s="1"/>
    </row>
    <row r="898" spans="21:21" x14ac:dyDescent="0.15">
      <c r="U898" s="1"/>
    </row>
    <row r="899" spans="21:21" x14ac:dyDescent="0.15">
      <c r="U899" s="1"/>
    </row>
    <row r="900" spans="21:21" x14ac:dyDescent="0.15">
      <c r="U900" s="1"/>
    </row>
    <row r="901" spans="21:21" x14ac:dyDescent="0.15">
      <c r="U901" s="1"/>
    </row>
    <row r="902" spans="21:21" x14ac:dyDescent="0.15">
      <c r="U902" s="1"/>
    </row>
    <row r="903" spans="21:21" x14ac:dyDescent="0.15">
      <c r="U903" s="1"/>
    </row>
    <row r="904" spans="21:21" x14ac:dyDescent="0.15">
      <c r="U904" s="1"/>
    </row>
    <row r="905" spans="21:21" x14ac:dyDescent="0.15">
      <c r="U905" s="1"/>
    </row>
    <row r="906" spans="21:21" x14ac:dyDescent="0.15">
      <c r="U906" s="1"/>
    </row>
    <row r="911" spans="21:21" x14ac:dyDescent="0.15">
      <c r="U911" s="1"/>
    </row>
    <row r="912" spans="21:21" x14ac:dyDescent="0.15">
      <c r="U912" s="1"/>
    </row>
    <row r="913" spans="21:21" x14ac:dyDescent="0.15">
      <c r="U913" s="1"/>
    </row>
    <row r="914" spans="21:21" x14ac:dyDescent="0.15">
      <c r="U914" s="1"/>
    </row>
    <row r="915" spans="21:21" x14ac:dyDescent="0.15">
      <c r="U915" s="1"/>
    </row>
    <row r="916" spans="21:21" x14ac:dyDescent="0.15">
      <c r="U916" s="1"/>
    </row>
    <row r="917" spans="21:21" x14ac:dyDescent="0.15">
      <c r="U917" s="1"/>
    </row>
    <row r="918" spans="21:21" x14ac:dyDescent="0.15">
      <c r="U918" s="1"/>
    </row>
    <row r="919" spans="21:21" x14ac:dyDescent="0.15">
      <c r="U919" s="1"/>
    </row>
    <row r="920" spans="21:21" x14ac:dyDescent="0.15">
      <c r="U920" s="1"/>
    </row>
    <row r="921" spans="21:21" x14ac:dyDescent="0.15">
      <c r="U921" s="1"/>
    </row>
    <row r="922" spans="21:21" x14ac:dyDescent="0.15">
      <c r="U922" s="1"/>
    </row>
    <row r="923" spans="21:21" x14ac:dyDescent="0.15">
      <c r="U923" s="1"/>
    </row>
    <row r="924" spans="21:21" x14ac:dyDescent="0.15">
      <c r="U924" s="1"/>
    </row>
    <row r="925" spans="21:21" x14ac:dyDescent="0.15">
      <c r="U925" s="1"/>
    </row>
    <row r="926" spans="21:21" x14ac:dyDescent="0.15">
      <c r="U926" s="1"/>
    </row>
    <row r="927" spans="21:21" x14ac:dyDescent="0.15">
      <c r="U927" s="1"/>
    </row>
    <row r="928" spans="21:21" x14ac:dyDescent="0.15">
      <c r="U928" s="1"/>
    </row>
    <row r="929" spans="21:21" x14ac:dyDescent="0.15">
      <c r="U929" s="1"/>
    </row>
    <row r="930" spans="21:21" x14ac:dyDescent="0.15">
      <c r="U930" s="1"/>
    </row>
    <row r="931" spans="21:21" x14ac:dyDescent="0.15">
      <c r="U931" s="1"/>
    </row>
    <row r="932" spans="21:21" x14ac:dyDescent="0.15">
      <c r="U932" s="1"/>
    </row>
    <row r="933" spans="21:21" x14ac:dyDescent="0.15">
      <c r="U933" s="1"/>
    </row>
    <row r="934" spans="21:21" x14ac:dyDescent="0.15">
      <c r="U934" s="1"/>
    </row>
    <row r="935" spans="21:21" x14ac:dyDescent="0.15">
      <c r="U935" s="1"/>
    </row>
    <row r="940" spans="21:21" x14ac:dyDescent="0.15">
      <c r="U940" s="1"/>
    </row>
    <row r="941" spans="21:21" x14ac:dyDescent="0.15">
      <c r="U941" s="1"/>
    </row>
    <row r="942" spans="21:21" x14ac:dyDescent="0.15">
      <c r="U942" s="1"/>
    </row>
    <row r="943" spans="21:21" x14ac:dyDescent="0.15">
      <c r="U943" s="1"/>
    </row>
    <row r="944" spans="21:21" x14ac:dyDescent="0.15">
      <c r="U944" s="1"/>
    </row>
    <row r="945" spans="21:21" x14ac:dyDescent="0.15">
      <c r="U945" s="1"/>
    </row>
    <row r="946" spans="21:21" x14ac:dyDescent="0.15">
      <c r="U946" s="1"/>
    </row>
    <row r="947" spans="21:21" x14ac:dyDescent="0.15">
      <c r="U947" s="1"/>
    </row>
    <row r="948" spans="21:21" x14ac:dyDescent="0.15">
      <c r="U948" s="1"/>
    </row>
    <row r="949" spans="21:21" x14ac:dyDescent="0.15">
      <c r="U949" s="1"/>
    </row>
    <row r="950" spans="21:21" x14ac:dyDescent="0.15">
      <c r="U950" s="1"/>
    </row>
    <row r="951" spans="21:21" x14ac:dyDescent="0.15">
      <c r="U951" s="1"/>
    </row>
    <row r="952" spans="21:21" x14ac:dyDescent="0.15">
      <c r="U952" s="1"/>
    </row>
    <row r="953" spans="21:21" x14ac:dyDescent="0.15">
      <c r="U953" s="1"/>
    </row>
    <row r="954" spans="21:21" x14ac:dyDescent="0.15">
      <c r="U954" s="1"/>
    </row>
    <row r="955" spans="21:21" x14ac:dyDescent="0.15">
      <c r="U955" s="1"/>
    </row>
    <row r="956" spans="21:21" x14ac:dyDescent="0.15">
      <c r="U956" s="1"/>
    </row>
    <row r="957" spans="21:21" x14ac:dyDescent="0.15">
      <c r="U957" s="1"/>
    </row>
    <row r="958" spans="21:21" x14ac:dyDescent="0.15">
      <c r="U958" s="1"/>
    </row>
    <row r="959" spans="21:21" x14ac:dyDescent="0.15">
      <c r="U959" s="1"/>
    </row>
    <row r="960" spans="21:21" x14ac:dyDescent="0.15">
      <c r="U960" s="1"/>
    </row>
    <row r="961" spans="21:21" x14ac:dyDescent="0.15">
      <c r="U961" s="1"/>
    </row>
    <row r="962" spans="21:21" x14ac:dyDescent="0.15">
      <c r="U962" s="1"/>
    </row>
    <row r="963" spans="21:21" x14ac:dyDescent="0.15">
      <c r="U963" s="1"/>
    </row>
    <row r="964" spans="21:21" x14ac:dyDescent="0.15">
      <c r="U964" s="1"/>
    </row>
    <row r="965" spans="21:21" x14ac:dyDescent="0.15">
      <c r="U965" s="1"/>
    </row>
    <row r="966" spans="21:21" x14ac:dyDescent="0.15">
      <c r="U966" s="1"/>
    </row>
    <row r="967" spans="21:21" x14ac:dyDescent="0.15">
      <c r="U967" s="1"/>
    </row>
    <row r="968" spans="21:21" x14ac:dyDescent="0.15">
      <c r="U968" s="1"/>
    </row>
    <row r="969" spans="21:21" x14ac:dyDescent="0.15">
      <c r="U969" s="1"/>
    </row>
    <row r="970" spans="21:21" x14ac:dyDescent="0.15">
      <c r="U970" s="1"/>
    </row>
    <row r="971" spans="21:21" x14ac:dyDescent="0.15">
      <c r="U971" s="1"/>
    </row>
    <row r="972" spans="21:21" x14ac:dyDescent="0.15">
      <c r="U972" s="1"/>
    </row>
    <row r="973" spans="21:21" x14ac:dyDescent="0.15">
      <c r="U973" s="1"/>
    </row>
    <row r="974" spans="21:21" x14ac:dyDescent="0.15">
      <c r="U974" s="1"/>
    </row>
    <row r="975" spans="21:21" x14ac:dyDescent="0.15">
      <c r="U975" s="1"/>
    </row>
    <row r="976" spans="21:21" x14ac:dyDescent="0.15">
      <c r="U976" s="1"/>
    </row>
    <row r="977" spans="21:21" x14ac:dyDescent="0.15">
      <c r="U977" s="1"/>
    </row>
    <row r="978" spans="21:21" x14ac:dyDescent="0.15">
      <c r="U978" s="1"/>
    </row>
    <row r="979" spans="21:21" x14ac:dyDescent="0.15">
      <c r="U979" s="1"/>
    </row>
    <row r="980" spans="21:21" x14ac:dyDescent="0.15">
      <c r="U980" s="1"/>
    </row>
    <row r="981" spans="21:21" x14ac:dyDescent="0.15">
      <c r="U981" s="1"/>
    </row>
    <row r="982" spans="21:21" x14ac:dyDescent="0.15">
      <c r="U982" s="1"/>
    </row>
    <row r="983" spans="21:21" x14ac:dyDescent="0.15">
      <c r="U983" s="1"/>
    </row>
    <row r="984" spans="21:21" x14ac:dyDescent="0.15">
      <c r="U984" s="1"/>
    </row>
    <row r="985" spans="21:21" x14ac:dyDescent="0.15">
      <c r="U985" s="1"/>
    </row>
    <row r="986" spans="21:21" x14ac:dyDescent="0.15">
      <c r="U986" s="1"/>
    </row>
    <row r="987" spans="21:21" x14ac:dyDescent="0.15">
      <c r="U987" s="1"/>
    </row>
    <row r="988" spans="21:21" x14ac:dyDescent="0.15">
      <c r="U988" s="1"/>
    </row>
    <row r="993" spans="21:21" x14ac:dyDescent="0.15">
      <c r="U993" s="1"/>
    </row>
    <row r="994" spans="21:21" x14ac:dyDescent="0.15">
      <c r="U994" s="1"/>
    </row>
    <row r="995" spans="21:21" x14ac:dyDescent="0.15">
      <c r="U995" s="1"/>
    </row>
    <row r="996" spans="21:21" x14ac:dyDescent="0.15">
      <c r="U996" s="1"/>
    </row>
    <row r="997" spans="21:21" x14ac:dyDescent="0.15">
      <c r="U997" s="1"/>
    </row>
    <row r="998" spans="21:21" x14ac:dyDescent="0.15">
      <c r="U998" s="1"/>
    </row>
    <row r="999" spans="21:21" x14ac:dyDescent="0.15">
      <c r="U999" s="1"/>
    </row>
    <row r="1000" spans="21:21" x14ac:dyDescent="0.15">
      <c r="U1000" s="1"/>
    </row>
    <row r="1001" spans="21:21" x14ac:dyDescent="0.15">
      <c r="U1001" s="1"/>
    </row>
    <row r="1002" spans="21:21" x14ac:dyDescent="0.15">
      <c r="U1002" s="1"/>
    </row>
    <row r="1003" spans="21:21" x14ac:dyDescent="0.15">
      <c r="U1003" s="1"/>
    </row>
    <row r="1004" spans="21:21" x14ac:dyDescent="0.15">
      <c r="U1004" s="1"/>
    </row>
    <row r="1005" spans="21:21" x14ac:dyDescent="0.15">
      <c r="U1005" s="1"/>
    </row>
    <row r="1006" spans="21:21" x14ac:dyDescent="0.15">
      <c r="U1006" s="1"/>
    </row>
    <row r="1007" spans="21:21" x14ac:dyDescent="0.15">
      <c r="U1007" s="1"/>
    </row>
    <row r="1008" spans="21:21" x14ac:dyDescent="0.15">
      <c r="U1008" s="1"/>
    </row>
    <row r="1009" spans="21:21" x14ac:dyDescent="0.15">
      <c r="U1009" s="1"/>
    </row>
    <row r="1010" spans="21:21" x14ac:dyDescent="0.15">
      <c r="U1010" s="1"/>
    </row>
    <row r="1011" spans="21:21" x14ac:dyDescent="0.15">
      <c r="U1011" s="1"/>
    </row>
    <row r="1012" spans="21:21" x14ac:dyDescent="0.15">
      <c r="U1012" s="1"/>
    </row>
    <row r="1013" spans="21:21" x14ac:dyDescent="0.15">
      <c r="U1013" s="1"/>
    </row>
    <row r="1014" spans="21:21" x14ac:dyDescent="0.15">
      <c r="U1014" s="1"/>
    </row>
    <row r="1015" spans="21:21" x14ac:dyDescent="0.15">
      <c r="U1015" s="1"/>
    </row>
    <row r="1016" spans="21:21" x14ac:dyDescent="0.15">
      <c r="U1016" s="1"/>
    </row>
    <row r="1017" spans="21:21" x14ac:dyDescent="0.15">
      <c r="U1017" s="1"/>
    </row>
    <row r="1022" spans="21:21" x14ac:dyDescent="0.15">
      <c r="U1022" s="1"/>
    </row>
    <row r="1023" spans="21:21" x14ac:dyDescent="0.15">
      <c r="U1023" s="1"/>
    </row>
    <row r="1024" spans="21:21" x14ac:dyDescent="0.15">
      <c r="U1024" s="1"/>
    </row>
    <row r="1025" spans="21:21" x14ac:dyDescent="0.15">
      <c r="U1025" s="1"/>
    </row>
    <row r="1026" spans="21:21" x14ac:dyDescent="0.15">
      <c r="U1026" s="1"/>
    </row>
    <row r="1027" spans="21:21" x14ac:dyDescent="0.15">
      <c r="U1027" s="1"/>
    </row>
    <row r="1028" spans="21:21" x14ac:dyDescent="0.15">
      <c r="U1028" s="1"/>
    </row>
    <row r="1029" spans="21:21" x14ac:dyDescent="0.15">
      <c r="U1029" s="1"/>
    </row>
    <row r="1030" spans="21:21" x14ac:dyDescent="0.15">
      <c r="U1030" s="1"/>
    </row>
    <row r="1031" spans="21:21" x14ac:dyDescent="0.15">
      <c r="U1031" s="1"/>
    </row>
    <row r="1032" spans="21:21" x14ac:dyDescent="0.15">
      <c r="U1032" s="1"/>
    </row>
    <row r="1033" spans="21:21" x14ac:dyDescent="0.15">
      <c r="U1033" s="1"/>
    </row>
    <row r="1034" spans="21:21" x14ac:dyDescent="0.15">
      <c r="U1034" s="1"/>
    </row>
    <row r="1035" spans="21:21" x14ac:dyDescent="0.15">
      <c r="U1035" s="1"/>
    </row>
    <row r="1036" spans="21:21" x14ac:dyDescent="0.15">
      <c r="U1036" s="1"/>
    </row>
    <row r="1037" spans="21:21" x14ac:dyDescent="0.15">
      <c r="U1037" s="1"/>
    </row>
    <row r="1038" spans="21:21" x14ac:dyDescent="0.15">
      <c r="U1038" s="1"/>
    </row>
    <row r="1039" spans="21:21" x14ac:dyDescent="0.15">
      <c r="U1039" s="1"/>
    </row>
    <row r="1040" spans="21:21" x14ac:dyDescent="0.15">
      <c r="U1040" s="1"/>
    </row>
    <row r="1041" spans="21:21" x14ac:dyDescent="0.15">
      <c r="U1041" s="1"/>
    </row>
    <row r="1042" spans="21:21" x14ac:dyDescent="0.15">
      <c r="U1042" s="1"/>
    </row>
    <row r="1043" spans="21:21" x14ac:dyDescent="0.15">
      <c r="U1043" s="1"/>
    </row>
    <row r="1044" spans="21:21" x14ac:dyDescent="0.15">
      <c r="U1044" s="1"/>
    </row>
    <row r="1045" spans="21:21" x14ac:dyDescent="0.15">
      <c r="U1045" s="1"/>
    </row>
    <row r="1046" spans="21:21" x14ac:dyDescent="0.15">
      <c r="U1046" s="1"/>
    </row>
    <row r="1047" spans="21:21" x14ac:dyDescent="0.15">
      <c r="U1047" s="1"/>
    </row>
    <row r="1048" spans="21:21" x14ac:dyDescent="0.15">
      <c r="U1048" s="1"/>
    </row>
    <row r="1049" spans="21:21" x14ac:dyDescent="0.15">
      <c r="U1049" s="1"/>
    </row>
    <row r="1050" spans="21:21" x14ac:dyDescent="0.15">
      <c r="U1050" s="1"/>
    </row>
    <row r="1051" spans="21:21" x14ac:dyDescent="0.15">
      <c r="U1051" s="1"/>
    </row>
    <row r="1052" spans="21:21" x14ac:dyDescent="0.15">
      <c r="U1052" s="1"/>
    </row>
    <row r="1053" spans="21:21" x14ac:dyDescent="0.15">
      <c r="U1053" s="1"/>
    </row>
    <row r="1054" spans="21:21" x14ac:dyDescent="0.15">
      <c r="U1054" s="1"/>
    </row>
    <row r="1055" spans="21:21" x14ac:dyDescent="0.15">
      <c r="U1055" s="1"/>
    </row>
    <row r="1056" spans="21:21" x14ac:dyDescent="0.15">
      <c r="U1056" s="1"/>
    </row>
    <row r="1057" spans="21:21" x14ac:dyDescent="0.15">
      <c r="U1057" s="1"/>
    </row>
    <row r="1058" spans="21:21" x14ac:dyDescent="0.15">
      <c r="U1058" s="1"/>
    </row>
    <row r="1059" spans="21:21" x14ac:dyDescent="0.15">
      <c r="U1059" s="1"/>
    </row>
    <row r="1060" spans="21:21" x14ac:dyDescent="0.15">
      <c r="U1060" s="1"/>
    </row>
    <row r="1061" spans="21:21" x14ac:dyDescent="0.15">
      <c r="U1061" s="1"/>
    </row>
    <row r="1062" spans="21:21" x14ac:dyDescent="0.15">
      <c r="U1062" s="1"/>
    </row>
    <row r="1063" spans="21:21" x14ac:dyDescent="0.15">
      <c r="U1063" s="1"/>
    </row>
    <row r="1064" spans="21:21" x14ac:dyDescent="0.15">
      <c r="U1064" s="1"/>
    </row>
    <row r="1065" spans="21:21" x14ac:dyDescent="0.15">
      <c r="U1065" s="1"/>
    </row>
    <row r="1066" spans="21:21" x14ac:dyDescent="0.15">
      <c r="U1066" s="1"/>
    </row>
    <row r="1067" spans="21:21" x14ac:dyDescent="0.15">
      <c r="U1067" s="1"/>
    </row>
    <row r="1068" spans="21:21" x14ac:dyDescent="0.15">
      <c r="U1068" s="1"/>
    </row>
    <row r="1069" spans="21:21" x14ac:dyDescent="0.15">
      <c r="U1069" s="1"/>
    </row>
    <row r="1070" spans="21:21" x14ac:dyDescent="0.15">
      <c r="U1070" s="1"/>
    </row>
    <row r="1075" spans="21:21" x14ac:dyDescent="0.15">
      <c r="U1075" s="1"/>
    </row>
    <row r="1076" spans="21:21" x14ac:dyDescent="0.15">
      <c r="U1076" s="1"/>
    </row>
    <row r="1077" spans="21:21" x14ac:dyDescent="0.15">
      <c r="U1077" s="1"/>
    </row>
    <row r="1078" spans="21:21" x14ac:dyDescent="0.15">
      <c r="U1078" s="1"/>
    </row>
    <row r="1079" spans="21:21" x14ac:dyDescent="0.15">
      <c r="U1079" s="1"/>
    </row>
    <row r="1080" spans="21:21" x14ac:dyDescent="0.15">
      <c r="U1080" s="1"/>
    </row>
    <row r="1081" spans="21:21" x14ac:dyDescent="0.15">
      <c r="U1081" s="1"/>
    </row>
    <row r="1082" spans="21:21" x14ac:dyDescent="0.15">
      <c r="U1082" s="1"/>
    </row>
    <row r="1083" spans="21:21" x14ac:dyDescent="0.15">
      <c r="U1083" s="1"/>
    </row>
    <row r="1084" spans="21:21" x14ac:dyDescent="0.15">
      <c r="U1084" s="1"/>
    </row>
    <row r="1085" spans="21:21" x14ac:dyDescent="0.15">
      <c r="U1085" s="1"/>
    </row>
    <row r="1086" spans="21:21" x14ac:dyDescent="0.15">
      <c r="U1086" s="1"/>
    </row>
    <row r="1087" spans="21:21" x14ac:dyDescent="0.15">
      <c r="U1087" s="1"/>
    </row>
    <row r="1088" spans="21:21" x14ac:dyDescent="0.15">
      <c r="U1088" s="1"/>
    </row>
    <row r="1089" spans="21:21" x14ac:dyDescent="0.15">
      <c r="U1089" s="1"/>
    </row>
    <row r="1090" spans="21:21" x14ac:dyDescent="0.15">
      <c r="U1090" s="1"/>
    </row>
    <row r="1091" spans="21:21" x14ac:dyDescent="0.15">
      <c r="U1091" s="1"/>
    </row>
    <row r="1092" spans="21:21" x14ac:dyDescent="0.15">
      <c r="U1092" s="1"/>
    </row>
    <row r="1093" spans="21:21" x14ac:dyDescent="0.15">
      <c r="U1093" s="1"/>
    </row>
    <row r="1094" spans="21:21" x14ac:dyDescent="0.15">
      <c r="U1094" s="1"/>
    </row>
    <row r="1095" spans="21:21" x14ac:dyDescent="0.15">
      <c r="U1095" s="1"/>
    </row>
    <row r="1096" spans="21:21" x14ac:dyDescent="0.15">
      <c r="U1096" s="1"/>
    </row>
    <row r="1097" spans="21:21" x14ac:dyDescent="0.15">
      <c r="U1097" s="1"/>
    </row>
    <row r="1098" spans="21:21" x14ac:dyDescent="0.15">
      <c r="U1098" s="1"/>
    </row>
    <row r="1099" spans="21:21" x14ac:dyDescent="0.15">
      <c r="U1099" s="1"/>
    </row>
    <row r="1100" spans="21:21" x14ac:dyDescent="0.15">
      <c r="U1100" s="1"/>
    </row>
    <row r="1101" spans="21:21" x14ac:dyDescent="0.15">
      <c r="U1101" s="1"/>
    </row>
    <row r="1102" spans="21:21" x14ac:dyDescent="0.15">
      <c r="U1102" s="1"/>
    </row>
    <row r="1103" spans="21:21" x14ac:dyDescent="0.15">
      <c r="U1103" s="1"/>
    </row>
    <row r="1104" spans="21:21" x14ac:dyDescent="0.15">
      <c r="U1104" s="1"/>
    </row>
    <row r="1105" spans="21:21" x14ac:dyDescent="0.15">
      <c r="U1105" s="1"/>
    </row>
    <row r="1106" spans="21:21" x14ac:dyDescent="0.15">
      <c r="U1106" s="1"/>
    </row>
    <row r="1107" spans="21:21" x14ac:dyDescent="0.15">
      <c r="U1107" s="1"/>
    </row>
    <row r="1108" spans="21:21" x14ac:dyDescent="0.15">
      <c r="U1108" s="1"/>
    </row>
    <row r="1109" spans="21:21" x14ac:dyDescent="0.15">
      <c r="U1109" s="1"/>
    </row>
    <row r="1110" spans="21:21" x14ac:dyDescent="0.15">
      <c r="U1110" s="1"/>
    </row>
    <row r="1111" spans="21:21" x14ac:dyDescent="0.15">
      <c r="U1111" s="1"/>
    </row>
    <row r="1112" spans="21:21" x14ac:dyDescent="0.15">
      <c r="U1112" s="1"/>
    </row>
    <row r="1113" spans="21:21" x14ac:dyDescent="0.15">
      <c r="U1113" s="1"/>
    </row>
    <row r="1114" spans="21:21" x14ac:dyDescent="0.15">
      <c r="U1114" s="1"/>
    </row>
    <row r="1115" spans="21:21" x14ac:dyDescent="0.15">
      <c r="U1115" s="1"/>
    </row>
    <row r="1116" spans="21:21" x14ac:dyDescent="0.15">
      <c r="U1116" s="1"/>
    </row>
    <row r="1117" spans="21:21" x14ac:dyDescent="0.15">
      <c r="U1117" s="1"/>
    </row>
    <row r="1118" spans="21:21" x14ac:dyDescent="0.15">
      <c r="U1118" s="1"/>
    </row>
    <row r="1119" spans="21:21" x14ac:dyDescent="0.15">
      <c r="U1119" s="1"/>
    </row>
    <row r="1120" spans="21:21" x14ac:dyDescent="0.15">
      <c r="U1120" s="1"/>
    </row>
    <row r="1121" spans="21:21" x14ac:dyDescent="0.15">
      <c r="U1121" s="1"/>
    </row>
    <row r="1122" spans="21:21" x14ac:dyDescent="0.15">
      <c r="U1122" s="1"/>
    </row>
    <row r="1123" spans="21:21" x14ac:dyDescent="0.15">
      <c r="U1123" s="1"/>
    </row>
    <row r="1128" spans="21:21" x14ac:dyDescent="0.15">
      <c r="U1128" s="1"/>
    </row>
    <row r="1129" spans="21:21" x14ac:dyDescent="0.15">
      <c r="U1129" s="1"/>
    </row>
    <row r="1130" spans="21:21" x14ac:dyDescent="0.15">
      <c r="U1130" s="1"/>
    </row>
    <row r="1131" spans="21:21" x14ac:dyDescent="0.15">
      <c r="U1131" s="1"/>
    </row>
    <row r="1132" spans="21:21" x14ac:dyDescent="0.15">
      <c r="U1132" s="1"/>
    </row>
    <row r="1133" spans="21:21" x14ac:dyDescent="0.15">
      <c r="U1133" s="1"/>
    </row>
    <row r="1134" spans="21:21" x14ac:dyDescent="0.15">
      <c r="U1134" s="1"/>
    </row>
    <row r="1135" spans="21:21" x14ac:dyDescent="0.15">
      <c r="U1135" s="1"/>
    </row>
    <row r="1136" spans="21:21" x14ac:dyDescent="0.15">
      <c r="U1136" s="1"/>
    </row>
    <row r="1137" spans="21:21" x14ac:dyDescent="0.15">
      <c r="U1137" s="1"/>
    </row>
    <row r="1138" spans="21:21" x14ac:dyDescent="0.15">
      <c r="U1138" s="1"/>
    </row>
    <row r="1139" spans="21:21" x14ac:dyDescent="0.15">
      <c r="U1139" s="1"/>
    </row>
    <row r="1140" spans="21:21" x14ac:dyDescent="0.15">
      <c r="U1140" s="1"/>
    </row>
    <row r="1141" spans="21:21" x14ac:dyDescent="0.15">
      <c r="U1141" s="1"/>
    </row>
    <row r="1142" spans="21:21" x14ac:dyDescent="0.15">
      <c r="U1142" s="1"/>
    </row>
    <row r="1143" spans="21:21" x14ac:dyDescent="0.15">
      <c r="U1143" s="1"/>
    </row>
    <row r="1144" spans="21:21" x14ac:dyDescent="0.15">
      <c r="U1144" s="1"/>
    </row>
    <row r="1145" spans="21:21" x14ac:dyDescent="0.15">
      <c r="U1145" s="1"/>
    </row>
    <row r="1146" spans="21:21" x14ac:dyDescent="0.15">
      <c r="U1146" s="1"/>
    </row>
    <row r="1147" spans="21:21" x14ac:dyDescent="0.15">
      <c r="U1147" s="1"/>
    </row>
    <row r="1148" spans="21:21" x14ac:dyDescent="0.15">
      <c r="U1148" s="1"/>
    </row>
    <row r="1149" spans="21:21" x14ac:dyDescent="0.15">
      <c r="U1149" s="1"/>
    </row>
    <row r="1150" spans="21:21" x14ac:dyDescent="0.15">
      <c r="U1150" s="1"/>
    </row>
    <row r="1151" spans="21:21" x14ac:dyDescent="0.15">
      <c r="U1151" s="1"/>
    </row>
    <row r="1152" spans="21:21" x14ac:dyDescent="0.15">
      <c r="U1152" s="1"/>
    </row>
    <row r="1153" spans="21:21" x14ac:dyDescent="0.15">
      <c r="U1153" s="1"/>
    </row>
    <row r="1154" spans="21:21" x14ac:dyDescent="0.15">
      <c r="U1154" s="1"/>
    </row>
    <row r="1155" spans="21:21" x14ac:dyDescent="0.15">
      <c r="U1155" s="1"/>
    </row>
    <row r="1156" spans="21:21" x14ac:dyDescent="0.15">
      <c r="U1156" s="1"/>
    </row>
    <row r="1157" spans="21:21" x14ac:dyDescent="0.15">
      <c r="U1157" s="1"/>
    </row>
    <row r="1158" spans="21:21" x14ac:dyDescent="0.15">
      <c r="U1158" s="1"/>
    </row>
    <row r="1159" spans="21:21" x14ac:dyDescent="0.15">
      <c r="U1159" s="1"/>
    </row>
    <row r="1160" spans="21:21" x14ac:dyDescent="0.15">
      <c r="U1160" s="1"/>
    </row>
    <row r="1161" spans="21:21" x14ac:dyDescent="0.15">
      <c r="U1161" s="1"/>
    </row>
    <row r="1162" spans="21:21" x14ac:dyDescent="0.15">
      <c r="U1162" s="1"/>
    </row>
    <row r="1163" spans="21:21" x14ac:dyDescent="0.15">
      <c r="U1163" s="1"/>
    </row>
    <row r="1164" spans="21:21" x14ac:dyDescent="0.15">
      <c r="U1164" s="1"/>
    </row>
    <row r="1165" spans="21:21" x14ac:dyDescent="0.15">
      <c r="U1165" s="1"/>
    </row>
    <row r="1166" spans="21:21" x14ac:dyDescent="0.15">
      <c r="U1166" s="1"/>
    </row>
    <row r="1167" spans="21:21" x14ac:dyDescent="0.15">
      <c r="U1167" s="1"/>
    </row>
    <row r="1168" spans="21:21" x14ac:dyDescent="0.15">
      <c r="U1168" s="1"/>
    </row>
    <row r="1169" spans="21:21" x14ac:dyDescent="0.15">
      <c r="U1169" s="1"/>
    </row>
    <row r="1170" spans="21:21" x14ac:dyDescent="0.15">
      <c r="U1170" s="1"/>
    </row>
    <row r="1171" spans="21:21" x14ac:dyDescent="0.15">
      <c r="U1171" s="1"/>
    </row>
    <row r="1172" spans="21:21" x14ac:dyDescent="0.15">
      <c r="U1172" s="1"/>
    </row>
    <row r="1173" spans="21:21" x14ac:dyDescent="0.15">
      <c r="U1173" s="1"/>
    </row>
    <row r="1174" spans="21:21" x14ac:dyDescent="0.15">
      <c r="U1174" s="1"/>
    </row>
    <row r="1175" spans="21:21" x14ac:dyDescent="0.15">
      <c r="U1175" s="1"/>
    </row>
    <row r="1176" spans="21:21" x14ac:dyDescent="0.15">
      <c r="U1176" s="1"/>
    </row>
    <row r="1181" spans="21:21" x14ac:dyDescent="0.15">
      <c r="U1181" s="1"/>
    </row>
    <row r="1182" spans="21:21" x14ac:dyDescent="0.15">
      <c r="U1182" s="1"/>
    </row>
    <row r="1183" spans="21:21" x14ac:dyDescent="0.15">
      <c r="U1183" s="1"/>
    </row>
    <row r="1184" spans="21:21" x14ac:dyDescent="0.15">
      <c r="U1184" s="1"/>
    </row>
    <row r="1185" spans="21:21" x14ac:dyDescent="0.15">
      <c r="U1185" s="1"/>
    </row>
    <row r="1186" spans="21:21" x14ac:dyDescent="0.15">
      <c r="U1186" s="1"/>
    </row>
    <row r="1187" spans="21:21" x14ac:dyDescent="0.15">
      <c r="U1187" s="1"/>
    </row>
    <row r="1188" spans="21:21" x14ac:dyDescent="0.15">
      <c r="U1188" s="1"/>
    </row>
    <row r="1189" spans="21:21" x14ac:dyDescent="0.15">
      <c r="U1189" s="1"/>
    </row>
    <row r="1190" spans="21:21" x14ac:dyDescent="0.15">
      <c r="U1190" s="1"/>
    </row>
    <row r="1191" spans="21:21" x14ac:dyDescent="0.15">
      <c r="U1191" s="1"/>
    </row>
    <row r="1192" spans="21:21" x14ac:dyDescent="0.15">
      <c r="U1192" s="1"/>
    </row>
    <row r="1193" spans="21:21" x14ac:dyDescent="0.15">
      <c r="U1193" s="1"/>
    </row>
    <row r="1194" spans="21:21" x14ac:dyDescent="0.15">
      <c r="U1194" s="1"/>
    </row>
    <row r="1195" spans="21:21" x14ac:dyDescent="0.15">
      <c r="U1195" s="1"/>
    </row>
    <row r="1196" spans="21:21" x14ac:dyDescent="0.15">
      <c r="U1196" s="1"/>
    </row>
    <row r="1197" spans="21:21" x14ac:dyDescent="0.15">
      <c r="U1197" s="1"/>
    </row>
    <row r="1198" spans="21:21" x14ac:dyDescent="0.15">
      <c r="U1198" s="1"/>
    </row>
    <row r="1199" spans="21:21" x14ac:dyDescent="0.15">
      <c r="U1199" s="1"/>
    </row>
    <row r="1200" spans="21:21" x14ac:dyDescent="0.15">
      <c r="U1200" s="1"/>
    </row>
    <row r="1201" spans="21:21" x14ac:dyDescent="0.15">
      <c r="U1201" s="1"/>
    </row>
    <row r="1202" spans="21:21" x14ac:dyDescent="0.15">
      <c r="U1202" s="1"/>
    </row>
    <row r="1203" spans="21:21" x14ac:dyDescent="0.15">
      <c r="U1203" s="1"/>
    </row>
    <row r="1204" spans="21:21" x14ac:dyDescent="0.15">
      <c r="U1204" s="1"/>
    </row>
    <row r="1205" spans="21:21" x14ac:dyDescent="0.15">
      <c r="U1205" s="1"/>
    </row>
    <row r="1206" spans="21:21" x14ac:dyDescent="0.15">
      <c r="U1206" s="1"/>
    </row>
    <row r="1207" spans="21:21" x14ac:dyDescent="0.15">
      <c r="U1207" s="1"/>
    </row>
    <row r="1208" spans="21:21" x14ac:dyDescent="0.15">
      <c r="U1208" s="1"/>
    </row>
    <row r="1209" spans="21:21" x14ac:dyDescent="0.15">
      <c r="U1209" s="1"/>
    </row>
    <row r="1210" spans="21:21" x14ac:dyDescent="0.15">
      <c r="U1210" s="1"/>
    </row>
    <row r="1211" spans="21:21" x14ac:dyDescent="0.15">
      <c r="U1211" s="1"/>
    </row>
    <row r="1212" spans="21:21" x14ac:dyDescent="0.15">
      <c r="U1212" s="1"/>
    </row>
    <row r="1213" spans="21:21" x14ac:dyDescent="0.15">
      <c r="U1213" s="1"/>
    </row>
    <row r="1214" spans="21:21" x14ac:dyDescent="0.15">
      <c r="U1214" s="1"/>
    </row>
    <row r="1215" spans="21:21" x14ac:dyDescent="0.15">
      <c r="U1215" s="1"/>
    </row>
    <row r="1216" spans="21:21" x14ac:dyDescent="0.15">
      <c r="U1216" s="1"/>
    </row>
    <row r="1217" spans="21:21" x14ac:dyDescent="0.15">
      <c r="U1217" s="1"/>
    </row>
    <row r="1218" spans="21:21" x14ac:dyDescent="0.15">
      <c r="U1218" s="1"/>
    </row>
    <row r="1219" spans="21:21" x14ac:dyDescent="0.15">
      <c r="U1219" s="1"/>
    </row>
    <row r="1220" spans="21:21" x14ac:dyDescent="0.15">
      <c r="U1220" s="1"/>
    </row>
    <row r="1221" spans="21:21" x14ac:dyDescent="0.15">
      <c r="U1221" s="1"/>
    </row>
    <row r="1222" spans="21:21" x14ac:dyDescent="0.15">
      <c r="U1222" s="1"/>
    </row>
    <row r="1223" spans="21:21" x14ac:dyDescent="0.15">
      <c r="U1223" s="1"/>
    </row>
    <row r="1224" spans="21:21" x14ac:dyDescent="0.15">
      <c r="U1224" s="1"/>
    </row>
    <row r="1225" spans="21:21" x14ac:dyDescent="0.15">
      <c r="U1225" s="1"/>
    </row>
    <row r="1226" spans="21:21" x14ac:dyDescent="0.15">
      <c r="U1226" s="1"/>
    </row>
    <row r="1227" spans="21:21" x14ac:dyDescent="0.15">
      <c r="U1227" s="1"/>
    </row>
    <row r="1228" spans="21:21" x14ac:dyDescent="0.15">
      <c r="U1228" s="1"/>
    </row>
    <row r="1229" spans="21:21" x14ac:dyDescent="0.15">
      <c r="U1229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4</vt:i4>
      </vt:variant>
    </vt:vector>
  </HeadingPairs>
  <TitlesOfParts>
    <vt:vector size="14" baseType="lpstr">
      <vt:lpstr>常矢橋</vt:lpstr>
      <vt:lpstr>鶴間橋</vt:lpstr>
      <vt:lpstr>新道大橋</vt:lpstr>
      <vt:lpstr>高鎌橋</vt:lpstr>
      <vt:lpstr>大道橋</vt:lpstr>
      <vt:lpstr>境川橋</vt:lpstr>
      <vt:lpstr>吉倉橋</vt:lpstr>
      <vt:lpstr>鷹匠橋</vt:lpstr>
      <vt:lpstr>川名橋</vt:lpstr>
      <vt:lpstr>いたち川橋</vt:lpstr>
      <vt:lpstr>福田橋</vt:lpstr>
      <vt:lpstr>下土棚大橋</vt:lpstr>
      <vt:lpstr>石川橋</vt:lpstr>
      <vt:lpstr>富士見橋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6:56Z</dcterms:created>
  <dcterms:modified xsi:type="dcterms:W3CDTF">2020-03-21T08:32:50Z</dcterms:modified>
</cp:coreProperties>
</file>